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Y:\上下水道局\808525施設課\【R1】新富洲原ポンプ場耐震補強工事\"/>
    </mc:Choice>
  </mc:AlternateContent>
  <bookViews>
    <workbookView xWindow="9630" yWindow="300" windowWidth="10485" windowHeight="7560" tabRatio="824" activeTab="3"/>
  </bookViews>
  <sheets>
    <sheet name="全体内訳書" sheetId="31" r:id="rId1"/>
    <sheet name="建築" sheetId="33" r:id="rId2"/>
    <sheet name="機械" sheetId="7" r:id="rId3"/>
    <sheet name="電気" sheetId="36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</externalReferences>
  <definedNames>
    <definedName name="_">#REF!</definedName>
    <definedName name="__123Graph_A外装" localSheetId="1" hidden="1">[1]仮設躯体!#REF!</definedName>
    <definedName name="__123Graph_A外装" localSheetId="0" hidden="1">[1]仮設躯体!#REF!</definedName>
    <definedName name="__123Graph_A外装" hidden="1">[1]仮設躯体!#REF!</definedName>
    <definedName name="__123Graph_A躯体" localSheetId="1" hidden="1">[1]仮設躯体!#REF!</definedName>
    <definedName name="__123Graph_A躯体" localSheetId="0" hidden="1">[1]仮設躯体!#REF!</definedName>
    <definedName name="__123Graph_A躯体" hidden="1">[1]仮設躯体!#REF!</definedName>
    <definedName name="__123Graph_A建築" localSheetId="1" hidden="1">[1]仮設躯体!#REF!</definedName>
    <definedName name="__123Graph_A建築" localSheetId="0" hidden="1">[1]仮設躯体!#REF!</definedName>
    <definedName name="__123Graph_A建築" hidden="1">[1]仮設躯体!#REF!</definedName>
    <definedName name="__123Graph_A室内" localSheetId="1" hidden="1">[1]仮設躯体!#REF!</definedName>
    <definedName name="__123Graph_A室内" localSheetId="0" hidden="1">[1]仮設躯体!#REF!</definedName>
    <definedName name="__123Graph_A室内" hidden="1">[1]仮設躯体!#REF!</definedName>
    <definedName name="__123Graph_A土工" localSheetId="1" hidden="1">[1]仮設躯体!#REF!</definedName>
    <definedName name="__123Graph_A土工" localSheetId="0" hidden="1">[1]仮設躯体!#REF!</definedName>
    <definedName name="__123Graph_A土工" hidden="1">[1]仮設躯体!#REF!</definedName>
    <definedName name="__123Graph_A内装" localSheetId="1" hidden="1">[1]仮設躯体!#REF!</definedName>
    <definedName name="__123Graph_A内装" localSheetId="0" hidden="1">[1]仮設躯体!#REF!</definedName>
    <definedName name="__123Graph_A内装" hidden="1">[1]仮設躯体!#REF!</definedName>
    <definedName name="__123Graph_X外装" localSheetId="1" hidden="1">[1]仮設躯体!#REF!</definedName>
    <definedName name="__123Graph_X外装" localSheetId="0" hidden="1">[1]仮設躯体!#REF!</definedName>
    <definedName name="__123Graph_X外装" hidden="1">[1]仮設躯体!#REF!</definedName>
    <definedName name="__123Graph_X躯体" localSheetId="1" hidden="1">[1]仮設躯体!#REF!</definedName>
    <definedName name="__123Graph_X躯体" localSheetId="0" hidden="1">[1]仮設躯体!#REF!</definedName>
    <definedName name="__123Graph_X躯体" hidden="1">[1]仮設躯体!#REF!</definedName>
    <definedName name="__123Graph_X建築" localSheetId="1" hidden="1">[1]仮設躯体!#REF!</definedName>
    <definedName name="__123Graph_X建築" localSheetId="0" hidden="1">[1]仮設躯体!#REF!</definedName>
    <definedName name="__123Graph_X建築" hidden="1">[1]仮設躯体!#REF!</definedName>
    <definedName name="__123Graph_X室内" localSheetId="1" hidden="1">[1]仮設躯体!#REF!</definedName>
    <definedName name="__123Graph_X室内" localSheetId="0" hidden="1">[1]仮設躯体!#REF!</definedName>
    <definedName name="__123Graph_X室内" hidden="1">[1]仮設躯体!#REF!</definedName>
    <definedName name="__123Graph_X土工" localSheetId="1" hidden="1">[1]仮設躯体!#REF!</definedName>
    <definedName name="__123Graph_X土工" localSheetId="0" hidden="1">[1]仮設躯体!#REF!</definedName>
    <definedName name="__123Graph_X土工" hidden="1">[1]仮設躯体!#REF!</definedName>
    <definedName name="__123Graph_X内装" localSheetId="1" hidden="1">[1]仮設躯体!#REF!</definedName>
    <definedName name="__123Graph_X内装" localSheetId="0" hidden="1">[1]仮設躯体!#REF!</definedName>
    <definedName name="__123Graph_X内装" hidden="1">[1]仮設躯体!#REF!</definedName>
    <definedName name="_1">#REF!</definedName>
    <definedName name="_1000">#REF!</definedName>
    <definedName name="_1010">[2]見積01!#REF!</definedName>
    <definedName name="_1020">[2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[2]見積01!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localSheetId="0" hidden="1">[3]Sheet2!#REF!</definedName>
    <definedName name="_123Gaaa_A" hidden="1">[3]Sheet2!#REF!</definedName>
    <definedName name="_123Graph" localSheetId="0" hidden="1">[3]Sheet2!#REF!</definedName>
    <definedName name="_123Graph" hidden="1">[3]Sheet2!#REF!</definedName>
    <definedName name="_13">[2]見積01!#REF!</definedName>
    <definedName name="_14">[2]見積01!#REF!</definedName>
    <definedName name="_15">[2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2">[2]見積01!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Print_Area_02">#REF!</definedName>
    <definedName name="_2ページまで">#REF!</definedName>
    <definedName name="_33">#REF!</definedName>
    <definedName name="_3Print_Area_03">#REF!</definedName>
    <definedName name="_3ページまで">#REF!</definedName>
    <definedName name="_3行挿入">#REF!</definedName>
    <definedName name="_44">#REF!</definedName>
    <definedName name="_4ページまで">#REF!</definedName>
    <definedName name="_50">#REF!</definedName>
    <definedName name="_55">#REF!</definedName>
    <definedName name="_5ページまで">#REF!</definedName>
    <definedName name="_66">#REF!</definedName>
    <definedName name="_6ページまで">#REF!</definedName>
    <definedName name="_7ページまで">#REF!</definedName>
    <definedName name="_850">#REF!</definedName>
    <definedName name="_88">#REF!</definedName>
    <definedName name="_99">#REF!</definedName>
    <definedName name="_BOX01">#REF!</definedName>
    <definedName name="_BOX02">#REF!</definedName>
    <definedName name="_BOX03">#REF!</definedName>
    <definedName name="_BUN2">[4]歩・屋!$E$5:$T$16</definedName>
    <definedName name="_Fill" localSheetId="1" hidden="1">[5]見積比較!#REF!</definedName>
    <definedName name="_Fill" localSheetId="0" hidden="1">#REF!</definedName>
    <definedName name="_Fill" hidden="1">#REF!</definedName>
    <definedName name="_xlnm._FilterDatabase" hidden="1">#REF!</definedName>
    <definedName name="_I1">#REF!</definedName>
    <definedName name="_I2">#REF!</definedName>
    <definedName name="_I3">#REF!</definedName>
    <definedName name="_Key1" localSheetId="1" hidden="1">[4]内・屋外!#REF!</definedName>
    <definedName name="_Key1" localSheetId="0" hidden="1">#REF!</definedName>
    <definedName name="_Key1" hidden="1">[4]内・屋外!#REF!</definedName>
    <definedName name="_Key2" localSheetId="1" hidden="1">[4]内・屋外!#REF!</definedName>
    <definedName name="_Key2" localSheetId="0" hidden="1">#REF!</definedName>
    <definedName name="_Key2" hidden="1">[4]内・屋外!#REF!</definedName>
    <definedName name="_Order1" localSheetId="0" hidden="1">1</definedName>
    <definedName name="_Order1" hidden="1">255</definedName>
    <definedName name="_Order2" localSheetId="0" hidden="1">1</definedName>
    <definedName name="_Order2" hidden="1">255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localSheetId="1" hidden="1">#REF!</definedName>
    <definedName name="_Regression_Out" localSheetId="0" hidden="1">#REF!</definedName>
    <definedName name="_Regression_Out" hidden="1">#REF!</definedName>
    <definedName name="_Regression_X" localSheetId="1" hidden="1">#REF!</definedName>
    <definedName name="_Regression_X" localSheetId="0" hidden="1">#REF!</definedName>
    <definedName name="_Regression_X" hidden="1">#REF!</definedName>
    <definedName name="_Regression_Y" localSheetId="1" hidden="1">#REF!</definedName>
    <definedName name="_Regression_Y" localSheetId="0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localSheetId="1" hidden="1">[4]内・屋外!#REF!</definedName>
    <definedName name="_Sort" localSheetId="0" hidden="1">#REF!</definedName>
    <definedName name="_Sort" hidden="1">[4]内・屋外!#REF!</definedName>
    <definedName name="_SUB2">#REF!</definedName>
    <definedName name="_SUB3">#REF!</definedName>
    <definedName name="_SUB4">#REF!</definedName>
    <definedName name="_tan1">#REF!</definedName>
    <definedName name="_tan2">#REF!</definedName>
    <definedName name="_tan3">#REF!</definedName>
    <definedName name="\0">#REF!</definedName>
    <definedName name="\1">#REF!</definedName>
    <definedName name="￥1250">#REF!</definedName>
    <definedName name="￥1900">#REF!</definedName>
    <definedName name="\A">[6]機器据付!#REF!</definedName>
    <definedName name="\A1">#REF!</definedName>
    <definedName name="\AAA">#REF!</definedName>
    <definedName name="\B">[6]機器据付!#REF!</definedName>
    <definedName name="\B1">#REF!</definedName>
    <definedName name="\C">#REF!</definedName>
    <definedName name="\C1">#REF!</definedName>
    <definedName name="\d">[7]表紙!#REF!</definedName>
    <definedName name="\D1">#REF!</definedName>
    <definedName name="\e">[7]表紙!#REF!</definedName>
    <definedName name="\E1">#REF!</definedName>
    <definedName name="\f">[7]表紙!#REF!</definedName>
    <definedName name="\F1">#REF!</definedName>
    <definedName name="\g">[7]表紙!#REF!</definedName>
    <definedName name="\G1">#REF!</definedName>
    <definedName name="\GOTO">#REF!</definedName>
    <definedName name="\h">[7]表紙!#REF!</definedName>
    <definedName name="\H1">#REF!</definedName>
    <definedName name="\i">[7]表紙!#REF!</definedName>
    <definedName name="\I1">#REF!</definedName>
    <definedName name="\j">[7]表紙!#REF!</definedName>
    <definedName name="\J1">#REF!</definedName>
    <definedName name="\k">[7]表紙!#REF!</definedName>
    <definedName name="\K1">#REF!</definedName>
    <definedName name="\l">[7]表紙!#REF!</definedName>
    <definedName name="\L1">#REF!</definedName>
    <definedName name="\m">[7]表紙!#REF!</definedName>
    <definedName name="\M1">#REF!</definedName>
    <definedName name="\n">[7]表紙!#REF!</definedName>
    <definedName name="\N1">#REF!</definedName>
    <definedName name="\o">[7]表紙!#REF!</definedName>
    <definedName name="\O1">#REF!</definedName>
    <definedName name="\p">#REF!</definedName>
    <definedName name="\P1">[6]労務集計!$N$6</definedName>
    <definedName name="\q">[7]表紙!#REF!</definedName>
    <definedName name="\r">[7]表紙!#REF!</definedName>
    <definedName name="\s">[7]表紙!#REF!</definedName>
    <definedName name="\t">[7]表紙!#REF!</definedName>
    <definedName name="\u">[7]表紙!#REF!</definedName>
    <definedName name="\v">[7]表紙!#REF!</definedName>
    <definedName name="\w">[7]表紙!#REF!</definedName>
    <definedName name="\x">[7]表紙!#REF!</definedName>
    <definedName name="\y">[7]表紙!#REF!</definedName>
    <definedName name="\z">[7]表紙!#REF!</definedName>
    <definedName name="￥あ">[8]土工!$D$2</definedName>
    <definedName name="\一覧表">#REF!</definedName>
    <definedName name="\印刷設定">#REF!</definedName>
    <definedName name="\印刷設定一">#REF!</definedName>
    <definedName name="A">#REF!</definedName>
    <definedName name="AA">#REF!</definedName>
    <definedName name="AAA">#REF!</definedName>
    <definedName name="AAAA">#REF!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zen">[9]!Anzen</definedName>
    <definedName name="AnzenHyouji">[9]!AnzenHyouji</definedName>
    <definedName name="AS">#REF!</definedName>
    <definedName name="ASDVIUI">#REF!</definedName>
    <definedName name="AUTOEXEC">#REF!</definedName>
    <definedName name="B">#REF!</definedName>
    <definedName name="B4OUT">#REF!</definedName>
    <definedName name="B5OUT">#REF!</definedName>
    <definedName name="BANGOU">#REF!</definedName>
    <definedName name="BG">#REF!</definedName>
    <definedName name="BUN">[4]歩・屋!$E$5:$T$16</definedName>
    <definedName name="B種">#REF!</definedName>
    <definedName name="Ｂ代価">#REF!</definedName>
    <definedName name="C0">#REF!</definedName>
    <definedName name="CC">#REF!</definedName>
    <definedName name="COUNTER">[10]表紙!#REF!</definedName>
    <definedName name="_xlnm.Criteria">#REF!</definedName>
    <definedName name="Criteria_MI">#REF!</definedName>
    <definedName name="CV3C2">[11]ｹｰﾌﾞﾙ計!#REF!</definedName>
    <definedName name="cv3c2_">[12]ｹｰﾌﾞﾙ労務!#REF!</definedName>
    <definedName name="CVVS2C2">[11]ｹｰﾌﾞﾙ計!#REF!</definedName>
    <definedName name="ｃｚ">#REF!</definedName>
    <definedName name="Ｃ既存校舎">[13]内訳書!#REF!</definedName>
    <definedName name="C種">#REF!</definedName>
    <definedName name="Ｃ代価">#REF!</definedName>
    <definedName name="Ｃ代価表一覧表">#REF!</definedName>
    <definedName name="D">#REF!</definedName>
    <definedName name="data" localSheetId="0">[14]一位代価!$A:$IV</definedName>
    <definedName name="data">[14]一位代価!$A:$IV</definedName>
    <definedName name="_xlnm.Database">#REF!</definedName>
    <definedName name="Database_MI">#REF!</definedName>
    <definedName name="DD">#REF!</definedName>
    <definedName name="DK">17902</definedName>
    <definedName name="DKT">19100</definedName>
    <definedName name="ＤＳ">#REF!</definedName>
    <definedName name="Dグランド照明">[13]内訳書!#REF!</definedName>
    <definedName name="E">#REF!</definedName>
    <definedName name="EC">#REF!</definedName>
    <definedName name="ED">#REF!</definedName>
    <definedName name="EF">#REF!</definedName>
    <definedName name="EG">#REF!</definedName>
    <definedName name="Eizen">[9]!Eizen</definedName>
    <definedName name="EizenHyouji">[9]!EizenHyouji</definedName>
    <definedName name="EK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FL">[4]歩・屋!$D$4:$D$43</definedName>
    <definedName name="FNA">#REF!</definedName>
    <definedName name="FOR総括表">#REF!</definedName>
    <definedName name="FS">14522</definedName>
    <definedName name="G">#REF!</definedName>
    <definedName name="G_A0001" localSheetId="0" hidden="1">#REF!</definedName>
    <definedName name="G_A0001" hidden="1">#REF!</definedName>
    <definedName name="G_A0002" localSheetId="0" hidden="1">#REF!</definedName>
    <definedName name="G_A0002" hidden="1">#REF!</definedName>
    <definedName name="G_A0003" localSheetId="0" hidden="1">#REF!</definedName>
    <definedName name="G_A0003" hidden="1">#REF!</definedName>
    <definedName name="G_A0004" localSheetId="0" hidden="1">#REF!</definedName>
    <definedName name="G_A0004" hidden="1">#REF!</definedName>
    <definedName name="G_A0005" localSheetId="0" hidden="1">#REF!</definedName>
    <definedName name="G_A0005" hidden="1">#REF!</definedName>
    <definedName name="G_A0006" localSheetId="0" hidden="1">#REF!</definedName>
    <definedName name="G_A0006" hidden="1">#REF!</definedName>
    <definedName name="G_A0008" localSheetId="0" hidden="1">#REF!</definedName>
    <definedName name="G_A0008" hidden="1">#REF!</definedName>
    <definedName name="G_A0009" localSheetId="0" hidden="1">#REF!</definedName>
    <definedName name="G_A0009" hidden="1">#REF!</definedName>
    <definedName name="G_B0001" localSheetId="0" hidden="1">#REF!</definedName>
    <definedName name="G_B0001" hidden="1">#REF!</definedName>
    <definedName name="G_B0002" localSheetId="0" hidden="1">#REF!</definedName>
    <definedName name="G_B0002" hidden="1">#REF!</definedName>
    <definedName name="G_B0003" localSheetId="0" hidden="1">#REF!</definedName>
    <definedName name="G_B0003" hidden="1">#REF!</definedName>
    <definedName name="G_B0004" localSheetId="0" hidden="1">#REF!</definedName>
    <definedName name="G_B0004" hidden="1">#REF!</definedName>
    <definedName name="G_B0005" localSheetId="0" hidden="1">#REF!</definedName>
    <definedName name="G_B0005" hidden="1">#REF!</definedName>
    <definedName name="G_B0006" localSheetId="0" hidden="1">#REF!</definedName>
    <definedName name="G_B0006" hidden="1">#REF!</definedName>
    <definedName name="G_B0007" localSheetId="0" hidden="1">#REF!</definedName>
    <definedName name="G_B0007" hidden="1">#REF!</definedName>
    <definedName name="G_B0008" localSheetId="0" hidden="1">#REF!</definedName>
    <definedName name="G_B0008" hidden="1">#REF!</definedName>
    <definedName name="G_B0009" localSheetId="0" hidden="1">#REF!</definedName>
    <definedName name="G_B0009" hidden="1">#REF!</definedName>
    <definedName name="G_B0010" localSheetId="0" hidden="1">#REF!</definedName>
    <definedName name="G_B0010" hidden="1">#REF!</definedName>
    <definedName name="G_B0011" localSheetId="0" hidden="1">#REF!</definedName>
    <definedName name="G_B0011" hidden="1">#REF!</definedName>
    <definedName name="G_B0012" localSheetId="0" hidden="1">#REF!</definedName>
    <definedName name="G_B0012" hidden="1">#REF!</definedName>
    <definedName name="G_B0015" localSheetId="0" hidden="1">#REF!</definedName>
    <definedName name="G_B0015" hidden="1">#REF!</definedName>
    <definedName name="G_B0016" localSheetId="0" hidden="1">#REF!</definedName>
    <definedName name="G_B0016" hidden="1">#REF!</definedName>
    <definedName name="G_B0017" localSheetId="0" hidden="1">#REF!</definedName>
    <definedName name="G_B0017" hidden="1">#REF!</definedName>
    <definedName name="G_B0018" localSheetId="0" hidden="1">#REF!</definedName>
    <definedName name="G_B0018" hidden="1">#REF!</definedName>
    <definedName name="G_B0019" localSheetId="0" hidden="1">#REF!</definedName>
    <definedName name="G_B0019" hidden="1">#REF!</definedName>
    <definedName name="G_B0020" localSheetId="0" hidden="1">#REF!</definedName>
    <definedName name="G_B0020" hidden="1">#REF!</definedName>
    <definedName name="G_B0021" localSheetId="0" hidden="1">#REF!</definedName>
    <definedName name="G_B0021" hidden="1">#REF!</definedName>
    <definedName name="G_B0022" localSheetId="0" hidden="1">#REF!</definedName>
    <definedName name="G_B0022" hidden="1">#REF!</definedName>
    <definedName name="G_B0023" localSheetId="0" hidden="1">#REF!</definedName>
    <definedName name="G_B0023" hidden="1">#REF!</definedName>
    <definedName name="G_B0024" localSheetId="0" hidden="1">#REF!</definedName>
    <definedName name="G_B0024" hidden="1">#REF!</definedName>
    <definedName name="G_B0025" localSheetId="0" hidden="1">#REF!</definedName>
    <definedName name="G_B0025" hidden="1">#REF!</definedName>
    <definedName name="G_B0026" localSheetId="0" hidden="1">#REF!</definedName>
    <definedName name="G_B0026" hidden="1">#REF!</definedName>
    <definedName name="G_D0001" localSheetId="0" hidden="1">#REF!</definedName>
    <definedName name="G_D0001" hidden="1">#REF!</definedName>
    <definedName name="G_D0002" localSheetId="0" hidden="1">#REF!</definedName>
    <definedName name="G_D0002" hidden="1">#REF!</definedName>
    <definedName name="G_D0003" localSheetId="0" hidden="1">#REF!</definedName>
    <definedName name="G_D0003" hidden="1">#REF!</definedName>
    <definedName name="G_D0004" localSheetId="0" hidden="1">#REF!</definedName>
    <definedName name="G_D0004" hidden="1">#REF!</definedName>
    <definedName name="G_D0005" localSheetId="0" hidden="1">#REF!</definedName>
    <definedName name="G_D0005" hidden="1">#REF!</definedName>
    <definedName name="G_D0006" localSheetId="0" hidden="1">#REF!</definedName>
    <definedName name="G_D0006" hidden="1">#REF!</definedName>
    <definedName name="G_D0007" localSheetId="0" hidden="1">#REF!</definedName>
    <definedName name="G_D0007" hidden="1">#REF!</definedName>
    <definedName name="G_D0008" localSheetId="0" hidden="1">#REF!</definedName>
    <definedName name="G_D0008" hidden="1">#REF!</definedName>
    <definedName name="G_D0009" localSheetId="0" hidden="1">#REF!</definedName>
    <definedName name="G_D0009" hidden="1">#REF!</definedName>
    <definedName name="G_D0010" localSheetId="0" hidden="1">#REF!</definedName>
    <definedName name="G_D0010" hidden="1">#REF!</definedName>
    <definedName name="G_D0011" localSheetId="0" hidden="1">#REF!</definedName>
    <definedName name="G_D0011" hidden="1">#REF!</definedName>
    <definedName name="G_D0012" localSheetId="0" hidden="1">#REF!</definedName>
    <definedName name="G_D0012" hidden="1">#REF!</definedName>
    <definedName name="G_D0013" localSheetId="0" hidden="1">#REF!</definedName>
    <definedName name="G_D0013" hidden="1">#REF!</definedName>
    <definedName name="G_D0014" localSheetId="0" hidden="1">#REF!</definedName>
    <definedName name="G_D0014" hidden="1">#REF!</definedName>
    <definedName name="G_D0015" localSheetId="0" hidden="1">#REF!</definedName>
    <definedName name="G_D0015" hidden="1">#REF!</definedName>
    <definedName name="G_D0016" localSheetId="0" hidden="1">#REF!</definedName>
    <definedName name="G_D0016" hidden="1">#REF!</definedName>
    <definedName name="G_D0017" localSheetId="0" hidden="1">#REF!</definedName>
    <definedName name="G_D0017" hidden="1">#REF!</definedName>
    <definedName name="G_D0018" localSheetId="0" hidden="1">#REF!</definedName>
    <definedName name="G_D0018" hidden="1">#REF!</definedName>
    <definedName name="G_D0019" localSheetId="0" hidden="1">#REF!</definedName>
    <definedName name="G_D0019" hidden="1">#REF!</definedName>
    <definedName name="G_D0020" localSheetId="0" hidden="1">#REF!</definedName>
    <definedName name="G_D0020" hidden="1">#REF!</definedName>
    <definedName name="G_D0021" localSheetId="0" hidden="1">#REF!</definedName>
    <definedName name="G_D0021" hidden="1">#REF!</definedName>
    <definedName name="G_D0022" localSheetId="0" hidden="1">#REF!</definedName>
    <definedName name="G_D0022" hidden="1">#REF!</definedName>
    <definedName name="G_D0023" localSheetId="0" hidden="1">#REF!</definedName>
    <definedName name="G_D0023" hidden="1">#REF!</definedName>
    <definedName name="G_D0024" localSheetId="0" hidden="1">#REF!</definedName>
    <definedName name="G_D0024" hidden="1">#REF!</definedName>
    <definedName name="G_D0025" localSheetId="0" hidden="1">#REF!</definedName>
    <definedName name="G_D0025" hidden="1">#REF!</definedName>
    <definedName name="G_D0026" localSheetId="0" hidden="1">#REF!</definedName>
    <definedName name="G_D0026" hidden="1">#REF!</definedName>
    <definedName name="G_D0027" localSheetId="0" hidden="1">#REF!</definedName>
    <definedName name="G_D0027" hidden="1">#REF!</definedName>
    <definedName name="G_D0028" localSheetId="0" hidden="1">#REF!</definedName>
    <definedName name="G_D0028" hidden="1">#REF!</definedName>
    <definedName name="G_D0029" localSheetId="0" hidden="1">#REF!</definedName>
    <definedName name="G_D0029" hidden="1">#REF!</definedName>
    <definedName name="G_D0031" localSheetId="0" hidden="1">#REF!</definedName>
    <definedName name="G_D0031" hidden="1">#REF!</definedName>
    <definedName name="G_D0033" localSheetId="0" hidden="1">#REF!</definedName>
    <definedName name="G_D0033" hidden="1">#REF!</definedName>
    <definedName name="G_D0034" localSheetId="0" hidden="1">#REF!</definedName>
    <definedName name="G_D0034" hidden="1">#REF!</definedName>
    <definedName name="G_D0035" localSheetId="0" hidden="1">#REF!</definedName>
    <definedName name="G_D0035" hidden="1">#REF!</definedName>
    <definedName name="G_D0036" localSheetId="0" hidden="1">#REF!</definedName>
    <definedName name="G_D0036" hidden="1">#REF!</definedName>
    <definedName name="G_D0038" localSheetId="0" hidden="1">#REF!</definedName>
    <definedName name="G_D0038" hidden="1">#REF!</definedName>
    <definedName name="G_D0039" localSheetId="0" hidden="1">#REF!</definedName>
    <definedName name="G_D0039" hidden="1">#REF!</definedName>
    <definedName name="G_D0040" localSheetId="0" hidden="1">#REF!</definedName>
    <definedName name="G_D0040" hidden="1">#REF!</definedName>
    <definedName name="G_D0041" localSheetId="0" hidden="1">#REF!</definedName>
    <definedName name="G_D0041" hidden="1">#REF!</definedName>
    <definedName name="G_D0042" localSheetId="0" hidden="1">#REF!</definedName>
    <definedName name="G_D0042" hidden="1">#REF!</definedName>
    <definedName name="G_D0043" localSheetId="0" hidden="1">#REF!</definedName>
    <definedName name="G_D0043" hidden="1">#REF!</definedName>
    <definedName name="G_D0044" localSheetId="0" hidden="1">#REF!</definedName>
    <definedName name="G_D0044" hidden="1">#REF!</definedName>
    <definedName name="G_D0045" localSheetId="0" hidden="1">#REF!</definedName>
    <definedName name="G_D0045" hidden="1">#REF!</definedName>
    <definedName name="G_D0046" localSheetId="0" hidden="1">#REF!</definedName>
    <definedName name="G_D0046" hidden="1">#REF!</definedName>
    <definedName name="G_D0047" localSheetId="0" hidden="1">#REF!</definedName>
    <definedName name="G_D0047" hidden="1">#REF!</definedName>
    <definedName name="G_D0048" localSheetId="0" hidden="1">#REF!</definedName>
    <definedName name="G_D0048" hidden="1">#REF!</definedName>
    <definedName name="G_D0049" localSheetId="0" hidden="1">#REF!</definedName>
    <definedName name="G_D0049" hidden="1">#REF!</definedName>
    <definedName name="G_D0050" localSheetId="0" hidden="1">#REF!</definedName>
    <definedName name="G_D0050" hidden="1">#REF!</definedName>
    <definedName name="G_D0051" localSheetId="0" hidden="1">#REF!</definedName>
    <definedName name="G_D0051" hidden="1">#REF!</definedName>
    <definedName name="G_D0052" localSheetId="0" hidden="1">#REF!</definedName>
    <definedName name="G_D0052" hidden="1">#REF!</definedName>
    <definedName name="G_D0053" localSheetId="0" hidden="1">#REF!</definedName>
    <definedName name="G_D0053" hidden="1">#REF!</definedName>
    <definedName name="G_D0054" localSheetId="0" hidden="1">#REF!</definedName>
    <definedName name="G_D0054" hidden="1">#REF!</definedName>
    <definedName name="G_D0055" localSheetId="0" hidden="1">#REF!</definedName>
    <definedName name="G_D0055" hidden="1">#REF!</definedName>
    <definedName name="G_D0056" localSheetId="0" hidden="1">#REF!</definedName>
    <definedName name="G_D0056" hidden="1">#REF!</definedName>
    <definedName name="G_D0057" localSheetId="0" hidden="1">#REF!</definedName>
    <definedName name="G_D0057" hidden="1">#REF!</definedName>
    <definedName name="G_D0058" localSheetId="0" hidden="1">#REF!</definedName>
    <definedName name="G_D0058" hidden="1">#REF!</definedName>
    <definedName name="G_D0059" localSheetId="0" hidden="1">#REF!</definedName>
    <definedName name="G_D0059" hidden="1">#REF!</definedName>
    <definedName name="G_D0060" localSheetId="0" hidden="1">#REF!</definedName>
    <definedName name="G_D0060" hidden="1">#REF!</definedName>
    <definedName name="G_D0061" localSheetId="0" hidden="1">#REF!</definedName>
    <definedName name="G_D0061" hidden="1">#REF!</definedName>
    <definedName name="G_D0062" localSheetId="0" hidden="1">#REF!</definedName>
    <definedName name="G_D0062" hidden="1">#REF!</definedName>
    <definedName name="G_D0063" localSheetId="0" hidden="1">#REF!</definedName>
    <definedName name="G_D0063" hidden="1">#REF!</definedName>
    <definedName name="G_D0076" localSheetId="0" hidden="1">#REF!</definedName>
    <definedName name="G_D0076" hidden="1">#REF!</definedName>
    <definedName name="G_D0077" localSheetId="0" hidden="1">#REF!</definedName>
    <definedName name="G_D0077" hidden="1">#REF!</definedName>
    <definedName name="G_D0078" localSheetId="0" hidden="1">#REF!</definedName>
    <definedName name="G_D0078" hidden="1">#REF!</definedName>
    <definedName name="G_D0079" localSheetId="0" hidden="1">#REF!</definedName>
    <definedName name="G_D0079" hidden="1">#REF!</definedName>
    <definedName name="G_D0081" localSheetId="0" hidden="1">#REF!</definedName>
    <definedName name="G_D0081" hidden="1">#REF!</definedName>
    <definedName name="G_D0083" localSheetId="0" hidden="1">#REF!</definedName>
    <definedName name="G_D0083" hidden="1">#REF!</definedName>
    <definedName name="G_D0084" localSheetId="0" hidden="1">#REF!</definedName>
    <definedName name="G_D0084" hidden="1">#REF!</definedName>
    <definedName name="G_D0085" localSheetId="0" hidden="1">#REF!</definedName>
    <definedName name="G_D0085" hidden="1">#REF!</definedName>
    <definedName name="G_D0086" localSheetId="0" hidden="1">#REF!</definedName>
    <definedName name="G_D0086" hidden="1">#REF!</definedName>
    <definedName name="G_D0087" localSheetId="0" hidden="1">#REF!</definedName>
    <definedName name="G_D0087" hidden="1">#REF!</definedName>
    <definedName name="G_D0088" localSheetId="0" hidden="1">#REF!</definedName>
    <definedName name="G_D0088" hidden="1">#REF!</definedName>
    <definedName name="G_D0089" localSheetId="0" hidden="1">#REF!</definedName>
    <definedName name="G_D0089" hidden="1">#REF!</definedName>
    <definedName name="G_D0090" localSheetId="0" hidden="1">#REF!</definedName>
    <definedName name="G_D0090" hidden="1">#REF!</definedName>
    <definedName name="G_D0091" localSheetId="0" hidden="1">#REF!</definedName>
    <definedName name="G_D0091" hidden="1">#REF!</definedName>
    <definedName name="G_D0092" localSheetId="0" hidden="1">#REF!</definedName>
    <definedName name="G_D0092" hidden="1">#REF!</definedName>
    <definedName name="G_D0093" localSheetId="0" hidden="1">#REF!</definedName>
    <definedName name="G_D0093" hidden="1">#REF!</definedName>
    <definedName name="G_D0094" localSheetId="0" hidden="1">#REF!</definedName>
    <definedName name="G_D0094" hidden="1">#REF!</definedName>
    <definedName name="G_D0095" localSheetId="0" hidden="1">#REF!</definedName>
    <definedName name="G_D0095" hidden="1">#REF!</definedName>
    <definedName name="G_D0099" localSheetId="0" hidden="1">#REF!</definedName>
    <definedName name="G_D0099" hidden="1">#REF!</definedName>
    <definedName name="G_D0102" localSheetId="0" hidden="1">#REF!</definedName>
    <definedName name="G_D0102" hidden="1">#REF!</definedName>
    <definedName name="G_D0103" localSheetId="0" hidden="1">#REF!</definedName>
    <definedName name="G_D0103" hidden="1">#REF!</definedName>
    <definedName name="G_D0104" localSheetId="0" hidden="1">#REF!</definedName>
    <definedName name="G_D0104" hidden="1">#REF!</definedName>
    <definedName name="G_D0105" localSheetId="0" hidden="1">#REF!</definedName>
    <definedName name="G_D0105" hidden="1">#REF!</definedName>
    <definedName name="G_D0107" localSheetId="0" hidden="1">#REF!</definedName>
    <definedName name="G_D0107" hidden="1">#REF!</definedName>
    <definedName name="G_D0109" localSheetId="0" hidden="1">#REF!</definedName>
    <definedName name="G_D0109" hidden="1">#REF!</definedName>
    <definedName name="G_D0110" localSheetId="0" hidden="1">#REF!</definedName>
    <definedName name="G_D0110" hidden="1">#REF!</definedName>
    <definedName name="G_D0111" localSheetId="0" hidden="1">#REF!</definedName>
    <definedName name="G_D0111" hidden="1">#REF!</definedName>
    <definedName name="G_D0112" localSheetId="0" hidden="1">#REF!</definedName>
    <definedName name="G_D0112" hidden="1">#REF!</definedName>
    <definedName name="G_D0113" localSheetId="0" hidden="1">#REF!</definedName>
    <definedName name="G_D0113" hidden="1">#REF!</definedName>
    <definedName name="G_D0114" localSheetId="0" hidden="1">#REF!</definedName>
    <definedName name="G_D0114" hidden="1">#REF!</definedName>
    <definedName name="G_D0115" localSheetId="0" hidden="1">#REF!</definedName>
    <definedName name="G_D0115" hidden="1">#REF!</definedName>
    <definedName name="G_D0116" localSheetId="0" hidden="1">#REF!</definedName>
    <definedName name="G_D0116" hidden="1">#REF!</definedName>
    <definedName name="G_D0117" localSheetId="0" hidden="1">#REF!</definedName>
    <definedName name="G_D0117" hidden="1">#REF!</definedName>
    <definedName name="G_D0118" localSheetId="0" hidden="1">#REF!</definedName>
    <definedName name="G_D0118" hidden="1">#REF!</definedName>
    <definedName name="G_D0119" localSheetId="0" hidden="1">#REF!</definedName>
    <definedName name="G_D0119" hidden="1">#REF!</definedName>
    <definedName name="G_D0121" localSheetId="0" hidden="1">#REF!</definedName>
    <definedName name="G_D0121" hidden="1">#REF!</definedName>
    <definedName name="G_D0122" localSheetId="0" hidden="1">#REF!</definedName>
    <definedName name="G_D0122" hidden="1">#REF!</definedName>
    <definedName name="G_D0123" localSheetId="0" hidden="1">#REF!</definedName>
    <definedName name="G_D0123" hidden="1">#REF!</definedName>
    <definedName name="G_F0001" localSheetId="0" hidden="1">#REF!</definedName>
    <definedName name="G_F0001" hidden="1">#REF!</definedName>
    <definedName name="G_F0002" localSheetId="0" hidden="1">#REF!</definedName>
    <definedName name="G_F0002" hidden="1">#REF!</definedName>
    <definedName name="GenbaKanri">[9]!GenbaKanri</definedName>
    <definedName name="GenbaKanriHyouji">[9]!GenbaKanriHyouji</definedName>
    <definedName name="ＧＴ">[4]歩・屋!$W$12</definedName>
    <definedName name="H">#REF!</definedName>
    <definedName name="HH">#REF!</definedName>
    <definedName name="ｈｈｈ">[4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localSheetId="0" hidden="1">{"設定1",#N/A,FALSE,"第5号-1";"設定2",#N/A,FALSE,"第5号-1"}</definedName>
    <definedName name="iii" hidden="1">{"設定1",#N/A,FALSE,"第5号-1";"設定2",#N/A,FALSE,"第5号-1"}</definedName>
    <definedName name="IN_KNN">#REF!</definedName>
    <definedName name="int">#REF!</definedName>
    <definedName name="IppanKanri">[9]!IppanKanri</definedName>
    <definedName name="IppanKanriHyouji">[9]!IppanKanriHyouji</definedName>
    <definedName name="J">#REF!</definedName>
    <definedName name="Junbi">[9]!Junbi</definedName>
    <definedName name="JunbiHyouji">[9]!JunbiHyouji</definedName>
    <definedName name="Ｋ">#REF!</definedName>
    <definedName name="K_0" localSheetId="0" hidden="1">#REF!</definedName>
    <definedName name="K_0" hidden="1">#REF!</definedName>
    <definedName name="KH">22720</definedName>
    <definedName name="KHK">0</definedName>
    <definedName name="kkk">[15]入力一般管理!#REF!</definedName>
    <definedName name="kkkkk" localSheetId="0" hidden="1">{"設定1",#N/A,FALSE,"第5号-1";"設定2",#N/A,FALSE,"第5号-1"}</definedName>
    <definedName name="kkkkk" hidden="1">{"設定1",#N/A,FALSE,"第5号-1";"設定2",#N/A,FALSE,"第5号-1"}</definedName>
    <definedName name="KR">#REF!</definedName>
    <definedName name="KS">0.18</definedName>
    <definedName name="kt" localSheetId="0">0</definedName>
    <definedName name="kt">0</definedName>
    <definedName name="ｌ">[8]土工!#REF!</definedName>
    <definedName name="L3554Ｌ３０００">#REF!</definedName>
    <definedName name="LL">#REF!</definedName>
    <definedName name="LOOPN">[10]表紙!#REF!</definedName>
    <definedName name="LOOPS">[10]表紙!#REF!</definedName>
    <definedName name="LOOP入">[10]表紙!#REF!</definedName>
    <definedName name="LOOP抜">[10]表紙!#REF!</definedName>
    <definedName name="Ｍ">#REF!</definedName>
    <definedName name="MENUA">[10]表紙!#REF!</definedName>
    <definedName name="MENUB">[10]表紙!#REF!</definedName>
    <definedName name="MENUE">[10]表紙!#REF!</definedName>
    <definedName name="MENUP">[10]表紙!#REF!</definedName>
    <definedName name="MENUP2">[10]表紙!#REF!</definedName>
    <definedName name="MI">#REF!</definedName>
    <definedName name="mm">[7]表紙!#REF!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16]代価表 '!$Z$2</definedName>
    <definedName name="P">#REF!</definedName>
    <definedName name="P_1" localSheetId="0" hidden="1">#REF!</definedName>
    <definedName name="P_1" hidden="1">#REF!</definedName>
    <definedName name="P_10" localSheetId="0" hidden="1">#REF!</definedName>
    <definedName name="P_10" hidden="1">#REF!</definedName>
    <definedName name="P_100" localSheetId="0" hidden="1">#REF!</definedName>
    <definedName name="P_100" hidden="1">#REF!</definedName>
    <definedName name="P_101" localSheetId="0" hidden="1">#REF!</definedName>
    <definedName name="P_101" hidden="1">#REF!</definedName>
    <definedName name="P_102" localSheetId="0" hidden="1">#REF!</definedName>
    <definedName name="P_102" hidden="1">#REF!</definedName>
    <definedName name="P_103" localSheetId="0" hidden="1">#REF!</definedName>
    <definedName name="P_103" hidden="1">#REF!</definedName>
    <definedName name="P_104" localSheetId="0" hidden="1">#REF!</definedName>
    <definedName name="P_104" hidden="1">#REF!</definedName>
    <definedName name="P_105" localSheetId="0" hidden="1">#REF!</definedName>
    <definedName name="P_105" hidden="1">#REF!</definedName>
    <definedName name="P_106" localSheetId="0" hidden="1">#REF!</definedName>
    <definedName name="P_106" hidden="1">#REF!</definedName>
    <definedName name="P_107" localSheetId="0" hidden="1">#REF!</definedName>
    <definedName name="P_107" hidden="1">#REF!</definedName>
    <definedName name="P_108" localSheetId="0" hidden="1">#REF!</definedName>
    <definedName name="P_108" hidden="1">#REF!</definedName>
    <definedName name="P_109" localSheetId="0" hidden="1">#REF!</definedName>
    <definedName name="P_109" hidden="1">#REF!</definedName>
    <definedName name="P_11" localSheetId="0" hidden="1">#REF!</definedName>
    <definedName name="P_11" hidden="1">#REF!</definedName>
    <definedName name="P_110" localSheetId="0" hidden="1">#REF!</definedName>
    <definedName name="P_110" hidden="1">#REF!</definedName>
    <definedName name="P_111" localSheetId="0" hidden="1">#REF!</definedName>
    <definedName name="P_111" hidden="1">#REF!</definedName>
    <definedName name="P_112" localSheetId="0" hidden="1">#REF!</definedName>
    <definedName name="P_112" hidden="1">#REF!</definedName>
    <definedName name="P_113" localSheetId="0" hidden="1">#REF!</definedName>
    <definedName name="P_113" hidden="1">#REF!</definedName>
    <definedName name="P_114" localSheetId="0" hidden="1">#REF!</definedName>
    <definedName name="P_114" hidden="1">#REF!</definedName>
    <definedName name="P_115" localSheetId="0" hidden="1">#REF!</definedName>
    <definedName name="P_115" hidden="1">#REF!</definedName>
    <definedName name="P_116" localSheetId="0" hidden="1">#REF!</definedName>
    <definedName name="P_116" hidden="1">#REF!</definedName>
    <definedName name="P_117" localSheetId="0" hidden="1">#REF!</definedName>
    <definedName name="P_117" hidden="1">#REF!</definedName>
    <definedName name="P_118" localSheetId="0" hidden="1">#REF!</definedName>
    <definedName name="P_118" hidden="1">#REF!</definedName>
    <definedName name="P_119" localSheetId="0" hidden="1">#REF!</definedName>
    <definedName name="P_119" hidden="1">#REF!</definedName>
    <definedName name="P_12" localSheetId="0" hidden="1">#REF!</definedName>
    <definedName name="P_12" hidden="1">#REF!</definedName>
    <definedName name="P_120" localSheetId="0" hidden="1">#REF!</definedName>
    <definedName name="P_120" hidden="1">#REF!</definedName>
    <definedName name="P_121" localSheetId="0" hidden="1">#REF!</definedName>
    <definedName name="P_121" hidden="1">#REF!</definedName>
    <definedName name="P_122" localSheetId="0" hidden="1">#REF!</definedName>
    <definedName name="P_122" hidden="1">#REF!</definedName>
    <definedName name="P_123" localSheetId="0" hidden="1">#REF!</definedName>
    <definedName name="P_123" hidden="1">#REF!</definedName>
    <definedName name="P_124" localSheetId="0" hidden="1">#REF!</definedName>
    <definedName name="P_124" hidden="1">#REF!</definedName>
    <definedName name="P_125" localSheetId="0" hidden="1">#REF!</definedName>
    <definedName name="P_125" hidden="1">#REF!</definedName>
    <definedName name="P_126" localSheetId="0" hidden="1">#REF!</definedName>
    <definedName name="P_126" hidden="1">#REF!</definedName>
    <definedName name="P_127" localSheetId="0" hidden="1">#REF!</definedName>
    <definedName name="P_127" hidden="1">#REF!</definedName>
    <definedName name="P_128" localSheetId="0" hidden="1">#REF!</definedName>
    <definedName name="P_128" hidden="1">#REF!</definedName>
    <definedName name="P_129" localSheetId="0" hidden="1">#REF!</definedName>
    <definedName name="P_129" hidden="1">#REF!</definedName>
    <definedName name="P_13" localSheetId="0" hidden="1">#REF!</definedName>
    <definedName name="P_13" hidden="1">#REF!</definedName>
    <definedName name="P_130" localSheetId="0" hidden="1">#REF!</definedName>
    <definedName name="P_130" hidden="1">#REF!</definedName>
    <definedName name="P_131" localSheetId="0" hidden="1">#REF!</definedName>
    <definedName name="P_131" hidden="1">#REF!</definedName>
    <definedName name="P_132" localSheetId="0" hidden="1">#REF!</definedName>
    <definedName name="P_132" hidden="1">#REF!</definedName>
    <definedName name="P_133" localSheetId="0" hidden="1">#REF!</definedName>
    <definedName name="P_133" hidden="1">#REF!</definedName>
    <definedName name="P_134" localSheetId="0" hidden="1">#REF!</definedName>
    <definedName name="P_134" hidden="1">#REF!</definedName>
    <definedName name="P_135" localSheetId="0" hidden="1">#REF!</definedName>
    <definedName name="P_135" hidden="1">#REF!</definedName>
    <definedName name="P_136" localSheetId="0" hidden="1">#REF!</definedName>
    <definedName name="P_136" hidden="1">#REF!</definedName>
    <definedName name="P_137" localSheetId="0" hidden="1">#REF!</definedName>
    <definedName name="P_137" hidden="1">#REF!</definedName>
    <definedName name="P_138" localSheetId="0" hidden="1">#REF!</definedName>
    <definedName name="P_138" hidden="1">#REF!</definedName>
    <definedName name="P_139" localSheetId="0" hidden="1">#REF!</definedName>
    <definedName name="P_139" hidden="1">#REF!</definedName>
    <definedName name="P_14" localSheetId="0" hidden="1">#REF!</definedName>
    <definedName name="P_14" hidden="1">#REF!</definedName>
    <definedName name="P_140" localSheetId="0" hidden="1">#REF!</definedName>
    <definedName name="P_140" hidden="1">#REF!</definedName>
    <definedName name="P_141" localSheetId="0" hidden="1">#REF!</definedName>
    <definedName name="P_141" hidden="1">#REF!</definedName>
    <definedName name="P_142" localSheetId="0" hidden="1">#REF!</definedName>
    <definedName name="P_142" hidden="1">#REF!</definedName>
    <definedName name="P_143" localSheetId="0" hidden="1">#REF!</definedName>
    <definedName name="P_143" hidden="1">#REF!</definedName>
    <definedName name="P_144" localSheetId="0" hidden="1">#REF!</definedName>
    <definedName name="P_144" hidden="1">#REF!</definedName>
    <definedName name="P_145" localSheetId="0" hidden="1">#REF!</definedName>
    <definedName name="P_145" hidden="1">#REF!</definedName>
    <definedName name="P_146" localSheetId="0" hidden="1">#REF!</definedName>
    <definedName name="P_146" hidden="1">#REF!</definedName>
    <definedName name="P_147" localSheetId="0" hidden="1">#REF!</definedName>
    <definedName name="P_147" hidden="1">#REF!</definedName>
    <definedName name="P_15" localSheetId="0" hidden="1">#REF!</definedName>
    <definedName name="P_15" hidden="1">#REF!</definedName>
    <definedName name="P_16" localSheetId="0" hidden="1">#REF!</definedName>
    <definedName name="P_16" hidden="1">#REF!</definedName>
    <definedName name="P_17" localSheetId="0" hidden="1">#REF!</definedName>
    <definedName name="P_17" hidden="1">#REF!</definedName>
    <definedName name="P_18" localSheetId="0" hidden="1">#REF!</definedName>
    <definedName name="P_18" hidden="1">#REF!</definedName>
    <definedName name="P_19" localSheetId="0" hidden="1">#REF!</definedName>
    <definedName name="P_19" hidden="1">#REF!</definedName>
    <definedName name="P_2" localSheetId="0" hidden="1">#REF!</definedName>
    <definedName name="P_2" hidden="1">#REF!</definedName>
    <definedName name="P_20" localSheetId="0" hidden="1">#REF!</definedName>
    <definedName name="P_20" hidden="1">#REF!</definedName>
    <definedName name="P_21" localSheetId="0" hidden="1">#REF!</definedName>
    <definedName name="P_21" hidden="1">#REF!</definedName>
    <definedName name="P_22" localSheetId="0" hidden="1">#REF!</definedName>
    <definedName name="P_22" hidden="1">#REF!</definedName>
    <definedName name="P_23" localSheetId="0" hidden="1">#REF!</definedName>
    <definedName name="P_23" hidden="1">#REF!</definedName>
    <definedName name="P_24" localSheetId="0" hidden="1">#REF!</definedName>
    <definedName name="P_24" hidden="1">#REF!</definedName>
    <definedName name="P_25" localSheetId="0" hidden="1">#REF!</definedName>
    <definedName name="P_25" hidden="1">#REF!</definedName>
    <definedName name="P_26" localSheetId="0" hidden="1">#REF!</definedName>
    <definedName name="P_26" hidden="1">#REF!</definedName>
    <definedName name="P_27" localSheetId="0" hidden="1">#REF!</definedName>
    <definedName name="P_27" hidden="1">#REF!</definedName>
    <definedName name="P_28" localSheetId="0" hidden="1">#REF!</definedName>
    <definedName name="P_28" hidden="1">#REF!</definedName>
    <definedName name="P_29" localSheetId="0" hidden="1">#REF!</definedName>
    <definedName name="P_29" hidden="1">#REF!</definedName>
    <definedName name="P_3" localSheetId="0" hidden="1">#REF!</definedName>
    <definedName name="P_3" hidden="1">#REF!</definedName>
    <definedName name="P_30" localSheetId="0" hidden="1">#REF!</definedName>
    <definedName name="P_30" hidden="1">#REF!</definedName>
    <definedName name="P_31" localSheetId="0" hidden="1">#REF!</definedName>
    <definedName name="P_31" hidden="1">#REF!</definedName>
    <definedName name="P_32" localSheetId="0" hidden="1">#REF!</definedName>
    <definedName name="P_32" hidden="1">#REF!</definedName>
    <definedName name="P_33" localSheetId="0" hidden="1">#REF!</definedName>
    <definedName name="P_33" hidden="1">#REF!</definedName>
    <definedName name="P_34" localSheetId="0" hidden="1">#REF!</definedName>
    <definedName name="P_34" hidden="1">#REF!</definedName>
    <definedName name="P_35" localSheetId="0" hidden="1">#REF!</definedName>
    <definedName name="P_35" hidden="1">#REF!</definedName>
    <definedName name="P_36" localSheetId="0" hidden="1">#REF!</definedName>
    <definedName name="P_36" hidden="1">#REF!</definedName>
    <definedName name="P_37" localSheetId="0" hidden="1">#REF!</definedName>
    <definedName name="P_37" hidden="1">#REF!</definedName>
    <definedName name="P_38" localSheetId="0" hidden="1">#REF!</definedName>
    <definedName name="P_38" hidden="1">#REF!</definedName>
    <definedName name="P_39" localSheetId="0" hidden="1">#REF!</definedName>
    <definedName name="P_39" hidden="1">#REF!</definedName>
    <definedName name="P_4" localSheetId="0" hidden="1">#REF!</definedName>
    <definedName name="P_4" hidden="1">#REF!</definedName>
    <definedName name="P_40" localSheetId="0" hidden="1">#REF!</definedName>
    <definedName name="P_40" hidden="1">#REF!</definedName>
    <definedName name="P_41" localSheetId="0" hidden="1">#REF!</definedName>
    <definedName name="P_41" hidden="1">#REF!</definedName>
    <definedName name="P_42" localSheetId="0" hidden="1">#REF!</definedName>
    <definedName name="P_42" hidden="1">#REF!</definedName>
    <definedName name="P_43" localSheetId="0" hidden="1">#REF!</definedName>
    <definedName name="P_43" hidden="1">#REF!</definedName>
    <definedName name="P_44" localSheetId="0" hidden="1">#REF!</definedName>
    <definedName name="P_44" hidden="1">#REF!</definedName>
    <definedName name="P_45" localSheetId="0" hidden="1">#REF!</definedName>
    <definedName name="P_45" hidden="1">#REF!</definedName>
    <definedName name="P_46" localSheetId="0" hidden="1">#REF!</definedName>
    <definedName name="P_46" hidden="1">#REF!</definedName>
    <definedName name="P_47" localSheetId="0" hidden="1">#REF!</definedName>
    <definedName name="P_47" hidden="1">#REF!</definedName>
    <definedName name="P_48" localSheetId="0" hidden="1">#REF!</definedName>
    <definedName name="P_48" hidden="1">#REF!</definedName>
    <definedName name="P_49" localSheetId="0" hidden="1">#REF!</definedName>
    <definedName name="P_49" hidden="1">#REF!</definedName>
    <definedName name="P_5" localSheetId="0" hidden="1">#REF!</definedName>
    <definedName name="P_5" hidden="1">#REF!</definedName>
    <definedName name="P_50" localSheetId="0" hidden="1">#REF!</definedName>
    <definedName name="P_50" hidden="1">#REF!</definedName>
    <definedName name="P_51" localSheetId="0" hidden="1">#REF!</definedName>
    <definedName name="P_51" hidden="1">#REF!</definedName>
    <definedName name="P_52" localSheetId="0" hidden="1">#REF!</definedName>
    <definedName name="P_52" hidden="1">#REF!</definedName>
    <definedName name="P_53" localSheetId="0" hidden="1">#REF!</definedName>
    <definedName name="P_53" hidden="1">#REF!</definedName>
    <definedName name="P_54" localSheetId="0" hidden="1">#REF!</definedName>
    <definedName name="P_54" hidden="1">#REF!</definedName>
    <definedName name="P_55" localSheetId="0" hidden="1">#REF!</definedName>
    <definedName name="P_55" hidden="1">#REF!</definedName>
    <definedName name="P_56" localSheetId="0" hidden="1">#REF!</definedName>
    <definedName name="P_56" hidden="1">#REF!</definedName>
    <definedName name="P_57" localSheetId="0" hidden="1">#REF!</definedName>
    <definedName name="P_57" hidden="1">#REF!</definedName>
    <definedName name="P_58" localSheetId="0" hidden="1">#REF!</definedName>
    <definedName name="P_58" hidden="1">#REF!</definedName>
    <definedName name="P_59" localSheetId="0" hidden="1">#REF!</definedName>
    <definedName name="P_59" hidden="1">#REF!</definedName>
    <definedName name="P_6" localSheetId="0" hidden="1">#REF!</definedName>
    <definedName name="P_6" hidden="1">#REF!</definedName>
    <definedName name="P_60" localSheetId="0" hidden="1">#REF!</definedName>
    <definedName name="P_60" hidden="1">#REF!</definedName>
    <definedName name="P_61" localSheetId="0" hidden="1">#REF!</definedName>
    <definedName name="P_61" hidden="1">#REF!</definedName>
    <definedName name="P_62" localSheetId="0" hidden="1">#REF!</definedName>
    <definedName name="P_62" hidden="1">#REF!</definedName>
    <definedName name="P_63" localSheetId="0" hidden="1">#REF!</definedName>
    <definedName name="P_63" hidden="1">#REF!</definedName>
    <definedName name="P_64" localSheetId="0" hidden="1">#REF!</definedName>
    <definedName name="P_64" hidden="1">#REF!</definedName>
    <definedName name="P_65" localSheetId="0" hidden="1">#REF!</definedName>
    <definedName name="P_65" hidden="1">#REF!</definedName>
    <definedName name="P_66" localSheetId="0" hidden="1">#REF!</definedName>
    <definedName name="P_66" hidden="1">#REF!</definedName>
    <definedName name="P_67" localSheetId="0" hidden="1">#REF!</definedName>
    <definedName name="P_67" hidden="1">#REF!</definedName>
    <definedName name="P_68" localSheetId="0" hidden="1">#REF!</definedName>
    <definedName name="P_68" hidden="1">#REF!</definedName>
    <definedName name="P_69" localSheetId="0" hidden="1">#REF!</definedName>
    <definedName name="P_69" hidden="1">#REF!</definedName>
    <definedName name="P_7" localSheetId="0" hidden="1">#REF!</definedName>
    <definedName name="P_7" hidden="1">#REF!</definedName>
    <definedName name="P_70" localSheetId="0" hidden="1">#REF!</definedName>
    <definedName name="P_70" hidden="1">#REF!</definedName>
    <definedName name="P_71" localSheetId="0" hidden="1">#REF!</definedName>
    <definedName name="P_71" hidden="1">#REF!</definedName>
    <definedName name="P_72" localSheetId="0" hidden="1">#REF!</definedName>
    <definedName name="P_72" hidden="1">#REF!</definedName>
    <definedName name="P_73" localSheetId="0" hidden="1">#REF!</definedName>
    <definedName name="P_73" hidden="1">#REF!</definedName>
    <definedName name="P_74" localSheetId="0" hidden="1">#REF!</definedName>
    <definedName name="P_74" hidden="1">#REF!</definedName>
    <definedName name="P_75" localSheetId="0" hidden="1">#REF!</definedName>
    <definedName name="P_75" hidden="1">#REF!</definedName>
    <definedName name="P_76" localSheetId="0" hidden="1">#REF!</definedName>
    <definedName name="P_76" hidden="1">#REF!</definedName>
    <definedName name="P_77" localSheetId="0" hidden="1">#REF!</definedName>
    <definedName name="P_77" hidden="1">#REF!</definedName>
    <definedName name="P_78" localSheetId="0" hidden="1">#REF!</definedName>
    <definedName name="P_78" hidden="1">#REF!</definedName>
    <definedName name="P_79" localSheetId="0" hidden="1">#REF!</definedName>
    <definedName name="P_79" hidden="1">#REF!</definedName>
    <definedName name="P_8" localSheetId="0" hidden="1">#REF!</definedName>
    <definedName name="P_8" hidden="1">#REF!</definedName>
    <definedName name="P_80" localSheetId="0" hidden="1">#REF!</definedName>
    <definedName name="P_80" hidden="1">#REF!</definedName>
    <definedName name="P_81" localSheetId="0" hidden="1">#REF!</definedName>
    <definedName name="P_81" hidden="1">#REF!</definedName>
    <definedName name="P_82" localSheetId="0" hidden="1">#REF!</definedName>
    <definedName name="P_82" hidden="1">#REF!</definedName>
    <definedName name="P_83" localSheetId="0" hidden="1">#REF!</definedName>
    <definedName name="P_83" hidden="1">#REF!</definedName>
    <definedName name="P_84" localSheetId="0" hidden="1">#REF!</definedName>
    <definedName name="P_84" hidden="1">#REF!</definedName>
    <definedName name="P_85" localSheetId="0" hidden="1">#REF!</definedName>
    <definedName name="P_85" hidden="1">#REF!</definedName>
    <definedName name="P_86" localSheetId="0" hidden="1">#REF!</definedName>
    <definedName name="P_86" hidden="1">#REF!</definedName>
    <definedName name="P_87" localSheetId="0" hidden="1">#REF!</definedName>
    <definedName name="P_87" hidden="1">#REF!</definedName>
    <definedName name="P_88" localSheetId="0" hidden="1">#REF!</definedName>
    <definedName name="P_88" hidden="1">#REF!</definedName>
    <definedName name="P_89" localSheetId="0" hidden="1">#REF!</definedName>
    <definedName name="P_89" hidden="1">#REF!</definedName>
    <definedName name="P_9" localSheetId="0" hidden="1">#REF!</definedName>
    <definedName name="P_9" hidden="1">#REF!</definedName>
    <definedName name="P_90" localSheetId="0" hidden="1">#REF!</definedName>
    <definedName name="P_90" hidden="1">#REF!</definedName>
    <definedName name="P_91" localSheetId="0" hidden="1">#REF!</definedName>
    <definedName name="P_91" hidden="1">#REF!</definedName>
    <definedName name="P_92" localSheetId="0" hidden="1">#REF!</definedName>
    <definedName name="P_92" hidden="1">#REF!</definedName>
    <definedName name="P_93" localSheetId="0" hidden="1">#REF!</definedName>
    <definedName name="P_93" hidden="1">#REF!</definedName>
    <definedName name="P_94" localSheetId="0" hidden="1">#REF!</definedName>
    <definedName name="P_94" hidden="1">#REF!</definedName>
    <definedName name="P_95" localSheetId="0" hidden="1">#REF!</definedName>
    <definedName name="P_95" hidden="1">#REF!</definedName>
    <definedName name="P_96" localSheetId="0" hidden="1">#REF!</definedName>
    <definedName name="P_96" hidden="1">#REF!</definedName>
    <definedName name="P_97" localSheetId="0" hidden="1">#REF!</definedName>
    <definedName name="P_97" hidden="1">#REF!</definedName>
    <definedName name="P_98" localSheetId="0" hidden="1">#REF!</definedName>
    <definedName name="P_98" hidden="1">#REF!</definedName>
    <definedName name="P_99" localSheetId="0" hidden="1">#REF!</definedName>
    <definedName name="P_99" hidden="1">#REF!</definedName>
    <definedName name="PBOX200">[11]ｹｰﾌﾞﾙ計!#REF!</definedName>
    <definedName name="PE管28">[11]ｹｰﾌﾞﾙ計!#REF!</definedName>
    <definedName name="PE管42">[11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2">機械!$A$1:$K$93</definedName>
    <definedName name="_xlnm.Print_Area" localSheetId="1">建築!$A$1:$H$62</definedName>
    <definedName name="_xlnm.Print_Area" localSheetId="0">全体内訳書!$A$1:$K$33</definedName>
    <definedName name="_xlnm.Print_Area" localSheetId="3">電気!$A$1:$K$93</definedName>
    <definedName name="_xlnm.Print_Area">#REF!</definedName>
    <definedName name="Print_Area_MI">#REF!</definedName>
    <definedName name="Print_Area１">#REF!</definedName>
    <definedName name="Print_Area２">[17]消火栓材料表!#REF!</definedName>
    <definedName name="Print_Area3">#REF!</definedName>
    <definedName name="Print_Area4">#REF!</definedName>
    <definedName name="Print_Area5">#REF!</definedName>
    <definedName name="_xlnm.Print_Titles" localSheetId="2">機械!$1:$3</definedName>
    <definedName name="_xlnm.Print_Titles" localSheetId="1">建築!$1:$2</definedName>
    <definedName name="_xlnm.Print_Titles" localSheetId="0">全体内訳書!$1:$3</definedName>
    <definedName name="_xlnm.Print_Titles" localSheetId="3">電気!$1:$3</definedName>
    <definedName name="_xlnm.Print_Titles">#REF!</definedName>
    <definedName name="PRINT_TITLES_MI">#REF!</definedName>
    <definedName name="prn">#REF!</definedName>
    <definedName name="Q">#REF!</definedName>
    <definedName name="QD">#REF!</definedName>
    <definedName name="QH">#REF!</definedName>
    <definedName name="qwu" localSheetId="0" hidden="1">{"設定1",#N/A,FALSE,"第5号-1";"設定2",#N/A,FALSE,"第5号-1"}</definedName>
    <definedName name="qwu" hidden="1">{"設定1",#N/A,FALSE,"第5号-1";"設定2",#N/A,FALSE,"第5号-1"}</definedName>
    <definedName name="RE">#REF!</definedName>
    <definedName name="RENP">#REF!</definedName>
    <definedName name="RF">#REF!</definedName>
    <definedName name="ro">'[4]拾・幹線(屋)'!$O$10</definedName>
    <definedName name="RS">#REF!</definedName>
    <definedName name="RUM">#REF!</definedName>
    <definedName name="RV">#REF!</definedName>
    <definedName name="s">#REF!</definedName>
    <definedName name="SAB">#REF!</definedName>
    <definedName name="SCV">#REF!</definedName>
    <definedName name="SKｿｹｯﾄφ20">#REF!</definedName>
    <definedName name="SKｿｹｯﾄφ40">#REF!</definedName>
    <definedName name="SONI">#REF!</definedName>
    <definedName name="SONO">#REF!</definedName>
    <definedName name="SPK">17940</definedName>
    <definedName name="ｓｒ">[8]土工!#REF!</definedName>
    <definedName name="SUB">#REF!</definedName>
    <definedName name="T">#REF!</definedName>
    <definedName name="TF">#REF!</definedName>
    <definedName name="to">'[4]拾・幹線(屋)'!$O$14</definedName>
    <definedName name="TORA">'[4]#REF'!$C$5:$S$38</definedName>
    <definedName name="TPAJI">#REF!</definedName>
    <definedName name="TS">16892</definedName>
    <definedName name="T区">#REF!</definedName>
    <definedName name="U">#REF!</definedName>
    <definedName name="UG">#REF!</definedName>
    <definedName name="UHY">#REF!</definedName>
    <definedName name="Unnpan">[9]!Unnpan</definedName>
    <definedName name="V">#REF!</definedName>
    <definedName name="VNJ">#REF!</definedName>
    <definedName name="W">#REF!</definedName>
    <definedName name="WA">#REF!</definedName>
    <definedName name="wrn.１７." hidden="1">{#N/A,#N/A,FALSE,"Sheet16";#N/A,#N/A,FALSE,"Sheet16"}</definedName>
    <definedName name="wrn.REP1." localSheetId="0" hidden="1">{"設定1",#N/A,FALSE,"第5号-1";"設定2",#N/A,FALSE,"第5号-1"}</definedName>
    <definedName name="wrn.REP1." hidden="1">{"設定1",#N/A,FALSE,"第5号-1";"設定2",#N/A,FALSE,"第5号-1"}</definedName>
    <definedName name="wrn.REP2" localSheetId="0" hidden="1">{"設定1",#N/A,FALSE,"第5号-1";"設定2",#N/A,FALSE,"第5号-1"}</definedName>
    <definedName name="wrn.REP2" hidden="1">{"設定1",#N/A,FALSE,"第5号-1";"設定2",#N/A,FALSE,"第5号-1"}</definedName>
    <definedName name="wrn.上清水開削４." localSheetId="1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localSheetId="0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X">#REF!</definedName>
    <definedName name="XC">#REF!</definedName>
    <definedName name="XMIN">#REF!</definedName>
    <definedName name="Y">#REF!</definedName>
    <definedName name="Yusou">[9]!Yusou</definedName>
    <definedName name="YusouHyouji">[9]!YusouHyouji</definedName>
    <definedName name="ｙｙ">[10]表紙!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ア">[18]表紙!#REF!</definedName>
    <definedName name="あ" localSheetId="0">[19]亜鉛鉄板!$AP$3</definedName>
    <definedName name="あ">[19]亜鉛鉄板!$AP$3</definedName>
    <definedName name="あ1">#REF!</definedName>
    <definedName name="あああ">#REF!</definedName>
    <definedName name="ああああ">#REF!</definedName>
    <definedName name="ああああああ">[18]表紙!#REF!</definedName>
    <definedName name="ｱｽﾌｧﾙﾄ乳剤PK3">#REF!</definedName>
    <definedName name="ｱｾﾁﾚﾝ">#REF!</definedName>
    <definedName name="いいいい">[9]!Anzen</definedName>
    <definedName name="いらない列1">#REF!</definedName>
    <definedName name="いらない列2">#REF!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'[4]#REF'!$C$5:$S$38</definedName>
    <definedName name="ｶﾞｽPS">#REF!</definedName>
    <definedName name="ガス給湯器">[4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20]府県別労務!$C$50</definedName>
    <definedName name="くうちょう">#REF!</definedName>
    <definedName name="グランド照明">[13]内訳書!#REF!</definedName>
    <definedName name="ｸﾚｰﾝ付ﾄﾗｯｸ運転2.9t">#REF!</definedName>
    <definedName name="ｸﾛｽ集計範囲">#REF!</definedName>
    <definedName name="ｺﾝｸﾘｰﾄ混和剤">#REF!</definedName>
    <definedName name="ｺﾝﾏ小数点">#REF!</definedName>
    <definedName name="さく岩工">#REF!</definedName>
    <definedName name="ささＳ">#REF!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4]#REF'!$U$1:$AK$2</definedName>
    <definedName name="ｽﾞｰﾑ">[1]仮設躯体!$A$2:$I$21</definedName>
    <definedName name="スコアボード比較">#REF!</definedName>
    <definedName name="スタイル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だいＫ">[21]表紙!#REF!</definedName>
    <definedName name="ﾀｲﾄﾙ行">#REF!</definedName>
    <definedName name="タイル工">#REF!</definedName>
    <definedName name="ダク">[22]明細!#REF!</definedName>
    <definedName name="ダクタイル鋳鉄管">#REF!</definedName>
    <definedName name="ダクト">[22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データ">#REF!</definedName>
    <definedName name="データ2">#REF!</definedName>
    <definedName name="データー">#REF!</definedName>
    <definedName name="テスト" localSheetId="0">全体内訳書!テスト</definedName>
    <definedName name="テスト">[0]!テスト</definedName>
    <definedName name="テスト１" localSheetId="0">全体内訳書!テスト１</definedName>
    <definedName name="テスト１">[0]!テスト１</definedName>
    <definedName name="てすと１" localSheetId="0">全体内訳書!てすと１</definedName>
    <definedName name="てすと１">[0]!てすと１</definedName>
    <definedName name="テスト２" localSheetId="0">全体内訳書!テスト２</definedName>
    <definedName name="テスト２">[0]!テスト２</definedName>
    <definedName name="てすと２" localSheetId="0">全体内訳書!てすと２</definedName>
    <definedName name="てすと２">[0]!てすと２</definedName>
    <definedName name="テスト３" localSheetId="0">全体内訳書!テスト３</definedName>
    <definedName name="テスト３">[0]!テスト３</definedName>
    <definedName name="てすと３" localSheetId="0">全体内訳書!てすと３</definedName>
    <definedName name="てすと３">[0]!てすと３</definedName>
    <definedName name="テスト４" localSheetId="0">全体内訳書!テスト４</definedName>
    <definedName name="テスト４">[0]!テスト４</definedName>
    <definedName name="てすと８" localSheetId="0">全体内訳書!てすと８</definedName>
    <definedName name="てすと８">[0]!てすと８</definedName>
    <definedName name="とび工">#REF!</definedName>
    <definedName name="ﾄﾗｯｸ">'[4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ﾊﾝﾄﾞﾎｰﾙ１">[4]愛駿寮公共下水道接続工事!#REF!</definedName>
    <definedName name="ﾊﾝﾄﾞﾎｰﾙ２">#REF!</definedName>
    <definedName name="ふ">#REF!</definedName>
    <definedName name="プリカ50">[11]ｹｰﾌﾞﾙ計!#REF!</definedName>
    <definedName name="ブロック工">#REF!</definedName>
    <definedName name="ポンプ">[4]歩・屋!$W$5</definedName>
    <definedName name="ポンプB">[4]歩・屋!$W$5</definedName>
    <definedName name="ﾒｰｶｰﾘｽﾄ">[23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タ">#REF!</definedName>
    <definedName name="モルタ">#REF!</definedName>
    <definedName name="モルタル">#REF!</definedName>
    <definedName name="モルタル１２">#REF!</definedName>
    <definedName name="ﾛﾗｰ運転0.8_1.1t">#REF!</definedName>
    <definedName name="ﾛﾗｰ運転3.0_4.0t">#REF!</definedName>
    <definedName name="安全">#REF!</definedName>
    <definedName name="按分">#REF!</definedName>
    <definedName name="移動">#REF!</definedName>
    <definedName name="一">#REF!</definedName>
    <definedName name="一位代価">#REF!</definedName>
    <definedName name="一般運転手">#REF!</definedName>
    <definedName name="一般労務費">#REF!</definedName>
    <definedName name="印刷">[24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範囲">#REF!</definedName>
    <definedName name="印刷表">[25]表紙!#REF!</definedName>
    <definedName name="雨水濾過">[4]歩・屋!$W$8</definedName>
    <definedName name="運送費表示">#REF!</definedName>
    <definedName name="運転手_一般">#REF!</definedName>
    <definedName name="運転手_特殊">#REF!</definedName>
    <definedName name="運搬">#REF!</definedName>
    <definedName name="営繕">#REF!</definedName>
    <definedName name="汚水桝">[26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1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19]亜鉛鉄板!$AP$1</definedName>
    <definedName name="仮ＮＯ">#REF!</definedName>
    <definedName name="仮囲い" localSheetId="0">全体内訳書!仮囲い</definedName>
    <definedName name="仮囲い">[0]!仮囲い</definedName>
    <definedName name="仮囲い１" localSheetId="0">全体内訳書!仮囲い１</definedName>
    <definedName name="仮囲い１">[0]!仮囲い１</definedName>
    <definedName name="仮囲い２" localSheetId="0">全体内訳書!仮囲い２</definedName>
    <definedName name="仮囲い２">[0]!仮囲い２</definedName>
    <definedName name="仮囲い３" localSheetId="0">全体内訳書!仮囲い３</definedName>
    <definedName name="仮囲い３">[0]!仮囲い３</definedName>
    <definedName name="仮囲い４" localSheetId="0">全体内訳書!仮囲い４</definedName>
    <definedName name="仮囲い４">[0]!仮囲い４</definedName>
    <definedName name="仮囲い５" localSheetId="0">全体内訳書!仮囲い５</definedName>
    <definedName name="仮囲い５">[0]!仮囲い５</definedName>
    <definedName name="仮設" localSheetId="0">[1]仮設躯体!$A$41</definedName>
    <definedName name="仮設">[1]仮設躯体!$A$41</definedName>
    <definedName name="開始頁">[25]表紙!#REF!</definedName>
    <definedName name="外構">[1]外構!$A$1</definedName>
    <definedName name="外部建具">[1]外部!$A$193</definedName>
    <definedName name="確認0">#REF!</definedName>
    <definedName name="換気">#REF!</definedName>
    <definedName name="環境">#REF!</definedName>
    <definedName name="管渠土工計算書">#REF!</definedName>
    <definedName name="器">#REF!</definedName>
    <definedName name="基礎工">#REF!</definedName>
    <definedName name="既存校舎">[13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記号">[27]表紙!#REF!</definedName>
    <definedName name="記号3">[28]搬入据付様式!#REF!</definedName>
    <definedName name="記号4">[28]搬入据付様式!#REF!</definedName>
    <definedName name="記号5">[28]搬入据付様式!#REF!</definedName>
    <definedName name="記号6">[28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術">#REF!</definedName>
    <definedName name="技術員">#REF!</definedName>
    <definedName name="技術者Ａ">#REF!</definedName>
    <definedName name="技術者Ｂ">#REF!</definedName>
    <definedName name="吸出防止材">[29]明細書!#REF!</definedName>
    <definedName name="給水PS">#REF!</definedName>
    <definedName name="給湯">#REF!</definedName>
    <definedName name="共">#REF!</definedName>
    <definedName name="共仮">#REF!</definedName>
    <definedName name="共通">[1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設定">[10]表紙!#REF!</definedName>
    <definedName name="金抜設定">[25]表紙!#REF!</definedName>
    <definedName name="躯体">[1]仮設躯体!$A$182</definedName>
    <definedName name="掘削">[18]表紙!#REF!</definedName>
    <definedName name="掘削梁">[18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経費">[4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軽作業員">#REF!</definedName>
    <definedName name="軽油陸上用">#REF!</definedName>
    <definedName name="桁">#REF!</definedName>
    <definedName name="月_1日">#REF!</definedName>
    <definedName name="建具工">#REF!</definedName>
    <definedName name="建築">[1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県名">#REF!</definedName>
    <definedName name="見積空調">'[30]代価表 '!#REF!</definedName>
    <definedName name="見積比較換気">'[31]代価表 '!$Z$2</definedName>
    <definedName name="見積比較表">'[5]代価表 '!$Z$2</definedName>
    <definedName name="見比衛生2">'[32]代価表 '!#REF!</definedName>
    <definedName name="原価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33]設計書入力!$DT$23:$DU$700</definedName>
    <definedName name="工事件名">[34]工事総括!$C$3</definedName>
    <definedName name="工事明細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高級船員">#REF!</definedName>
    <definedName name="根拠設定">[25]表紙!#REF!</definedName>
    <definedName name="根拠範囲">[4]歩・屋!$B$3:$AD$372</definedName>
    <definedName name="左官">#REF!</definedName>
    <definedName name="査定率">#REF!</definedName>
    <definedName name="査定率表">[23]見積･重量!#REF!</definedName>
    <definedName name="砕石">[35]一位代価表!$F$147</definedName>
    <definedName name="細粒度AS">#REF!</definedName>
    <definedName name="材種">[36]鉄骨DATA!$A$2:$A$10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施工区分">#REF!</definedName>
    <definedName name="室内">[1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23]見積･重量!#REF!</definedName>
    <definedName name="修正">[10]表紙!#REF!</definedName>
    <definedName name="修正1">[10]表紙!#REF!</definedName>
    <definedName name="修正2">[10]表紙!#REF!</definedName>
    <definedName name="修正3">[10]表紙!#REF!</definedName>
    <definedName name="修正4">[10]表紙!#REF!</definedName>
    <definedName name="修正5">[25]表紙!#REF!</definedName>
    <definedName name="修正6">[25]表紙!#REF!</definedName>
    <definedName name="修正年月">[37]目次!$B$2</definedName>
    <definedName name="終了">#N/A</definedName>
    <definedName name="出力">#REF!</definedName>
    <definedName name="出力２">'[4]#REF'!$U$5:$AK$5</definedName>
    <definedName name="準備">#REF!</definedName>
    <definedName name="純元">#REF!</definedName>
    <definedName name="純工">#REF!</definedName>
    <definedName name="処分費" localSheetId="0">全体内訳書!処分費</definedName>
    <definedName name="処分費">[0]!処分費</definedName>
    <definedName name="処分費１" localSheetId="0">全体内訳書!処分費１</definedName>
    <definedName name="処分費１">[0]!処分費１</definedName>
    <definedName name="処分費２" localSheetId="0">全体内訳書!処分費２</definedName>
    <definedName name="処分費２">[0]!処分費２</definedName>
    <definedName name="処分費３" localSheetId="0">全体内訳書!処分費３</definedName>
    <definedName name="処分費３">[0]!処分費３</definedName>
    <definedName name="小計">[33]設計書入力!$FD$21:$GH$23</definedName>
    <definedName name="小配管">#REF!</definedName>
    <definedName name="小配管弁類">#REF!</definedName>
    <definedName name="小便器">#REF!</definedName>
    <definedName name="松阪市">#REF!</definedName>
    <definedName name="照明器具_K201">#REF!</definedName>
    <definedName name="省略単価">#REF!</definedName>
    <definedName name="条件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4]歩・屋!$W$6</definedName>
    <definedName name="水槽_鉄">[4]歩・屋!$W$7</definedName>
    <definedName name="水中ポンプ">[35]一位代価表!$F$223</definedName>
    <definedName name="数値">#REF!</definedName>
    <definedName name="数値コピー">#REF!</definedName>
    <definedName name="数量">#REF!</definedName>
    <definedName name="数量1">#REF!</definedName>
    <definedName name="整備士">#REF!</definedName>
    <definedName name="生コンFｰ160">#REF!</definedName>
    <definedName name="生コンFｰ210">#REF!</definedName>
    <definedName name="請負額算定">[38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設計">[27]表紙!#REF!</definedName>
    <definedName name="設計技術員">#REF!</definedName>
    <definedName name="設備機械工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全頁印刷">[10]表紙!#REF!</definedName>
    <definedName name="粗粒AS">#REF!</definedName>
    <definedName name="創">#REF!</definedName>
    <definedName name="操縦士">#REF!</definedName>
    <definedName name="総括">[1]内訳!$A$1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4]歩・屋!$W$11</definedName>
    <definedName name="代価根拠範囲">[4]歩・屋!$B$3:$AD$362</definedName>
    <definedName name="代価電気" localSheetId="0">[39]一位代価!$A:$IV</definedName>
    <definedName name="代価電気">[39]一位代価!$A:$IV</definedName>
    <definedName name="大工">#REF!</definedName>
    <definedName name="大便器">#REF!</definedName>
    <definedName name="単位">#REF!</definedName>
    <definedName name="単価">#REF!</definedName>
    <definedName name="単価コード" localSheetId="0">[40]単価コード!$B$1:$H$65536</definedName>
    <definedName name="単価コード">[40]単価コード!$B$1:$H$65536</definedName>
    <definedName name="地質調査員">#REF!</definedName>
    <definedName name="地質調査技師">#REF!</definedName>
    <definedName name="中部">#REF!</definedName>
    <definedName name="鋳鉄管">#REF!</definedName>
    <definedName name="鋳鉄管切断機500以下">#REF!</definedName>
    <definedName name="鋳鉄管弁類">#REF!</definedName>
    <definedName name="直仮">[1]内訳!$A$79</definedName>
    <definedName name="直工">#REF!</definedName>
    <definedName name="直接工事費">#REF!</definedName>
    <definedName name="低減率">#REF!</definedName>
    <definedName name="提出範囲">[4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一般率表">#REF!</definedName>
    <definedName name="電気温水器">[4]歩・屋!$W$9</definedName>
    <definedName name="電気温水器B">[4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工">#REF!</definedName>
    <definedName name="電工1">[11]ｹｰﾌﾞﾙ計!#REF!</definedName>
    <definedName name="電線管埋設">#REF!</definedName>
    <definedName name="電柱基礎">#REF!</definedName>
    <definedName name="吐">[22]内訳!#REF!</definedName>
    <definedName name="吐１">[22]内訳!#REF!</definedName>
    <definedName name="吐出">[22]内訳!#REF!</definedName>
    <definedName name="吐出弁">[22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1]仮設躯体!#REF!</definedName>
    <definedName name="土木一般世話役">#REF!</definedName>
    <definedName name="土木世話役">#REF!</definedName>
    <definedName name="土留工">#REF!</definedName>
    <definedName name="土量計算書">[18]表紙!#REF!</definedName>
    <definedName name="東海">#REF!</definedName>
    <definedName name="当り">#REF!</definedName>
    <definedName name="頭２" hidden="1">{#N/A,#N/A,FALSE,"Sheet16";#N/A,#N/A,FALSE,"Sheet16"}</definedName>
    <definedName name="頭出しA">[6]修正履歴!#REF!</definedName>
    <definedName name="特殊運転手">#REF!</definedName>
    <definedName name="特殊作業員">#REF!</definedName>
    <definedName name="特別仮設工事" hidden="1">{#N/A,#N/A,FALSE,"Sheet16";#N/A,#N/A,FALSE,"Sheet16"}</definedName>
    <definedName name="内屋根">[1]内訳!$A$153</definedName>
    <definedName name="内外構">[1]内訳!$A$361</definedName>
    <definedName name="内躯体">[1]内訳!$A$56</definedName>
    <definedName name="内装工">#REF!</definedName>
    <definedName name="内部建具">[1]内部!$A$1</definedName>
    <definedName name="内部雑">[1]内訳!$A$316</definedName>
    <definedName name="内訳">[41]表紙!#REF!</definedName>
    <definedName name="内訳2">[42]内訳!#REF!</definedName>
    <definedName name="内訳一覧" localSheetId="0">[43]経費計算書!$A$1:$M$57</definedName>
    <definedName name="内訳一覧">[43]経費計算書!$A$1:$M$57</definedName>
    <definedName name="内訳書">[44]別紙内訳!#REF!</definedName>
    <definedName name="二次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 localSheetId="0">[45]排水器具・ﾄﾗｯﾌﾟ!$V$50:$AC$70</definedName>
    <definedName name="排水">[45]排水器具・ﾄﾗｯﾌﾟ!$V$50:$AC$70</definedName>
    <definedName name="排水PS">#REF!</definedName>
    <definedName name="排水器具･ﾄﾗｯﾌﾟ等" localSheetId="0">[45]排水器具・ﾄﾗｯﾌﾟ!$V$50:$AC$70</definedName>
    <definedName name="排水器具･ﾄﾗｯﾌﾟ等">[45]排水器具・ﾄﾗｯﾌﾟ!$V$50:$AC$70</definedName>
    <definedName name="配管工">#REF!</definedName>
    <definedName name="配線器具">#REF!</definedName>
    <definedName name="剥離剤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比較">#REF!</definedName>
    <definedName name="費">'[46]代価表 '!$Z$6</definedName>
    <definedName name="表紙" localSheetId="0">[47]!印刷</definedName>
    <definedName name="表紙">[47]!印刷</definedName>
    <definedName name="不活性ガス">[4]歩・屋!$W$13</definedName>
    <definedName name="付属品率">#REF!</definedName>
    <definedName name="付帯">[1]付帯!$C$4</definedName>
    <definedName name="普作1">[11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25]表紙!#REF!</definedName>
    <definedName name="複合工集計表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写">#REF!</definedName>
    <definedName name="複写範囲">#REF!</definedName>
    <definedName name="兵庫県都まちづくり部設備課">[48]小項目!#REF!</definedName>
    <definedName name="頁枚数">[10]表紙!#REF!</definedName>
    <definedName name="別途">[1]付帯!$F$3</definedName>
    <definedName name="変更用紙">[38]!印刷</definedName>
    <definedName name="保温工">#REF!</definedName>
    <definedName name="保存">#N/A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密粒AS">#REF!</definedName>
    <definedName name="名称">#REF!</definedName>
    <definedName name="問い合せ">#REF!</definedName>
    <definedName name="役務">#REF!</definedName>
    <definedName name="輸送費">#REF!</definedName>
    <definedName name="予定価格積算書">#REF!</definedName>
    <definedName name="幼児便器">#REF!</definedName>
    <definedName name="擁壁小">[35]工事費内訳表!$H$43</definedName>
    <definedName name="擁壁大">[35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粒調砕石Mｰ30">#REF!</definedName>
    <definedName name="鈴鹿市">#REF!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</definedNames>
  <calcPr calcId="162913"/>
</workbook>
</file>

<file path=xl/sharedStrings.xml><?xml version="1.0" encoding="utf-8"?>
<sst xmlns="http://schemas.openxmlformats.org/spreadsheetml/2006/main" count="213" uniqueCount="95">
  <si>
    <t>機器費</t>
    <rPh sb="0" eb="2">
      <t>キキ</t>
    </rPh>
    <rPh sb="2" eb="3">
      <t>ヒ</t>
    </rPh>
    <phoneticPr fontId="3"/>
  </si>
  <si>
    <t>輸送費</t>
    <rPh sb="0" eb="3">
      <t>ユソウヒ</t>
    </rPh>
    <phoneticPr fontId="3"/>
  </si>
  <si>
    <t>一般労務費</t>
    <rPh sb="0" eb="2">
      <t>イッパン</t>
    </rPh>
    <rPh sb="2" eb="5">
      <t>ロウムヒ</t>
    </rPh>
    <phoneticPr fontId="3"/>
  </si>
  <si>
    <t>機械設備据付労務費</t>
    <rPh sb="0" eb="2">
      <t>キカイ</t>
    </rPh>
    <rPh sb="2" eb="4">
      <t>セツビ</t>
    </rPh>
    <rPh sb="4" eb="6">
      <t>スエツケ</t>
    </rPh>
    <rPh sb="6" eb="9">
      <t>ロウムヒ</t>
    </rPh>
    <phoneticPr fontId="3"/>
  </si>
  <si>
    <t>複合工費</t>
    <rPh sb="0" eb="2">
      <t>フクゴウ</t>
    </rPh>
    <rPh sb="2" eb="4">
      <t>コウヒ</t>
    </rPh>
    <phoneticPr fontId="3"/>
  </si>
  <si>
    <t>試運転費</t>
    <rPh sb="0" eb="3">
      <t>シウンテン</t>
    </rPh>
    <rPh sb="3" eb="4">
      <t>ヒ</t>
    </rPh>
    <phoneticPr fontId="3"/>
  </si>
  <si>
    <t>設計技術費</t>
    <rPh sb="0" eb="2">
      <t>セッケイ</t>
    </rPh>
    <rPh sb="2" eb="4">
      <t>ギジュツ</t>
    </rPh>
    <rPh sb="4" eb="5">
      <t>ヒ</t>
    </rPh>
    <phoneticPr fontId="3"/>
  </si>
  <si>
    <t>一般管理費等</t>
    <rPh sb="0" eb="2">
      <t>イッパン</t>
    </rPh>
    <rPh sb="2" eb="5">
      <t>カンリヒ</t>
    </rPh>
    <rPh sb="5" eb="6">
      <t>トウ</t>
    </rPh>
    <phoneticPr fontId="3"/>
  </si>
  <si>
    <t>数量</t>
    <rPh sb="0" eb="2">
      <t>スウリョウ</t>
    </rPh>
    <phoneticPr fontId="3"/>
  </si>
  <si>
    <t>式</t>
    <rPh sb="0" eb="1">
      <t>シキ</t>
    </rPh>
    <phoneticPr fontId="3"/>
  </si>
  <si>
    <t>材料費</t>
    <rPh sb="0" eb="3">
      <t>ザイリョウヒ</t>
    </rPh>
    <phoneticPr fontId="3"/>
  </si>
  <si>
    <t>労務費</t>
    <rPh sb="0" eb="3">
      <t>ロウムヒ</t>
    </rPh>
    <phoneticPr fontId="3"/>
  </si>
  <si>
    <t>据付工事原価</t>
    <rPh sb="0" eb="2">
      <t>スエツケ</t>
    </rPh>
    <rPh sb="2" eb="4">
      <t>コウジ</t>
    </rPh>
    <rPh sb="4" eb="6">
      <t>ゲンカ</t>
    </rPh>
    <phoneticPr fontId="3"/>
  </si>
  <si>
    <t>工事価格計</t>
    <rPh sb="0" eb="2">
      <t>コウジ</t>
    </rPh>
    <rPh sb="2" eb="4">
      <t>カカク</t>
    </rPh>
    <rPh sb="4" eb="5">
      <t>ケイ</t>
    </rPh>
    <phoneticPr fontId="3"/>
  </si>
  <si>
    <t>工事価格合計</t>
    <rPh sb="0" eb="2">
      <t>コウジ</t>
    </rPh>
    <rPh sb="2" eb="4">
      <t>カカク</t>
    </rPh>
    <rPh sb="4" eb="6">
      <t>ゴウケイ</t>
    </rPh>
    <phoneticPr fontId="3"/>
  </si>
  <si>
    <t>合計</t>
    <rPh sb="0" eb="2">
      <t>ゴウケイ</t>
    </rPh>
    <phoneticPr fontId="3"/>
  </si>
  <si>
    <t>直接材料費</t>
    <rPh sb="0" eb="2">
      <t>チョクセツ</t>
    </rPh>
    <rPh sb="2" eb="5">
      <t>ザイリョウヒ</t>
    </rPh>
    <phoneticPr fontId="3"/>
  </si>
  <si>
    <t>総合試運転費</t>
    <rPh sb="0" eb="2">
      <t>ソウゴウ</t>
    </rPh>
    <rPh sb="2" eb="5">
      <t>シウンテン</t>
    </rPh>
    <rPh sb="5" eb="6">
      <t>ヒ</t>
    </rPh>
    <phoneticPr fontId="3"/>
  </si>
  <si>
    <t>機械経費</t>
    <rPh sb="0" eb="2">
      <t>キカイ</t>
    </rPh>
    <rPh sb="2" eb="4">
      <t>ケイヒ</t>
    </rPh>
    <phoneticPr fontId="3"/>
  </si>
  <si>
    <t>安全費</t>
    <rPh sb="0" eb="2">
      <t>アンゼン</t>
    </rPh>
    <rPh sb="2" eb="3">
      <t>ヒ</t>
    </rPh>
    <phoneticPr fontId="3"/>
  </si>
  <si>
    <t>スクラップ控除</t>
    <rPh sb="5" eb="7">
      <t>コウジョ</t>
    </rPh>
    <phoneticPr fontId="3"/>
  </si>
  <si>
    <t>内訳書</t>
    <rPh sb="0" eb="3">
      <t>ウチワケショ</t>
    </rPh>
    <phoneticPr fontId="3"/>
  </si>
  <si>
    <t>費　目</t>
    <rPh sb="0" eb="3">
      <t>ヒモク</t>
    </rPh>
    <phoneticPr fontId="3"/>
  </si>
  <si>
    <t>工　種</t>
    <rPh sb="0" eb="3">
      <t>コウシュ</t>
    </rPh>
    <phoneticPr fontId="3"/>
  </si>
  <si>
    <t>種　別</t>
    <rPh sb="0" eb="3">
      <t>シュベツ</t>
    </rPh>
    <phoneticPr fontId="3"/>
  </si>
  <si>
    <t>細　別</t>
    <rPh sb="0" eb="3">
      <t>サイベツ</t>
    </rPh>
    <phoneticPr fontId="3"/>
  </si>
  <si>
    <t>単位</t>
    <rPh sb="0" eb="2">
      <t>タンイ</t>
    </rPh>
    <phoneticPr fontId="3"/>
  </si>
  <si>
    <t>単  価</t>
    <phoneticPr fontId="3"/>
  </si>
  <si>
    <t>金  額</t>
    <phoneticPr fontId="3"/>
  </si>
  <si>
    <t>摘  要</t>
    <phoneticPr fontId="3"/>
  </si>
  <si>
    <t>機械設備工事　本工事費</t>
    <rPh sb="0" eb="2">
      <t>キカイ</t>
    </rPh>
    <rPh sb="2" eb="4">
      <t>セツビ</t>
    </rPh>
    <rPh sb="4" eb="6">
      <t>コウジ</t>
    </rPh>
    <rPh sb="7" eb="8">
      <t>ホン</t>
    </rPh>
    <rPh sb="8" eb="11">
      <t>コウジヒ</t>
    </rPh>
    <phoneticPr fontId="3"/>
  </si>
  <si>
    <t>（機器費計）</t>
    <rPh sb="1" eb="3">
      <t>キキ</t>
    </rPh>
    <rPh sb="3" eb="4">
      <t>ヒ</t>
    </rPh>
    <rPh sb="4" eb="5">
      <t>ケイ</t>
    </rPh>
    <phoneticPr fontId="3"/>
  </si>
  <si>
    <t>直接工事費</t>
    <rPh sb="0" eb="2">
      <t>チョクセツ</t>
    </rPh>
    <rPh sb="2" eb="5">
      <t>コウジヒ</t>
    </rPh>
    <phoneticPr fontId="3"/>
  </si>
  <si>
    <t>（輸送費）小計</t>
    <rPh sb="1" eb="4">
      <t>ユソウヒ</t>
    </rPh>
    <rPh sb="5" eb="7">
      <t>ショウケイ</t>
    </rPh>
    <phoneticPr fontId="3"/>
  </si>
  <si>
    <t>補助材料費</t>
    <rPh sb="0" eb="2">
      <t>ホジョ</t>
    </rPh>
    <rPh sb="2" eb="5">
      <t>ザイリョウヒ</t>
    </rPh>
    <phoneticPr fontId="3"/>
  </si>
  <si>
    <t>（材料費）小計</t>
    <rPh sb="1" eb="4">
      <t>ザイリョウヒ</t>
    </rPh>
    <rPh sb="5" eb="7">
      <t>ショウケイ</t>
    </rPh>
    <phoneticPr fontId="3"/>
  </si>
  <si>
    <t>（労務費）小計</t>
    <rPh sb="1" eb="4">
      <t>ロウムヒ</t>
    </rPh>
    <rPh sb="5" eb="7">
      <t>ショウケイ</t>
    </rPh>
    <phoneticPr fontId="3"/>
  </si>
  <si>
    <t>（複合工費）小計</t>
    <rPh sb="1" eb="3">
      <t>フクゴウ</t>
    </rPh>
    <rPh sb="3" eb="5">
      <t>コウヒ</t>
    </rPh>
    <rPh sb="6" eb="8">
      <t>ショウケイ</t>
    </rPh>
    <phoneticPr fontId="3"/>
  </si>
  <si>
    <t>直接経費</t>
    <rPh sb="0" eb="2">
      <t>チョクセツ</t>
    </rPh>
    <rPh sb="2" eb="4">
      <t>ケイヒ</t>
    </rPh>
    <phoneticPr fontId="3"/>
  </si>
  <si>
    <t>（直接経費）小計</t>
    <rPh sb="1" eb="3">
      <t>チョクセツ</t>
    </rPh>
    <rPh sb="3" eb="5">
      <t>ケイヒ</t>
    </rPh>
    <rPh sb="6" eb="8">
      <t>ショウケイ</t>
    </rPh>
    <phoneticPr fontId="3"/>
  </si>
  <si>
    <t>仮設費</t>
    <rPh sb="0" eb="2">
      <t>カセツ</t>
    </rPh>
    <rPh sb="2" eb="3">
      <t>ヒ</t>
    </rPh>
    <phoneticPr fontId="3"/>
  </si>
  <si>
    <t>（仮設費）計</t>
    <rPh sb="1" eb="3">
      <t>カセツ</t>
    </rPh>
    <rPh sb="3" eb="4">
      <t>ヒ</t>
    </rPh>
    <rPh sb="5" eb="6">
      <t>ショウケイ</t>
    </rPh>
    <phoneticPr fontId="3"/>
  </si>
  <si>
    <t>直接工事費計</t>
    <rPh sb="0" eb="2">
      <t>チョクセツ</t>
    </rPh>
    <rPh sb="2" eb="4">
      <t>コウジ</t>
    </rPh>
    <rPh sb="4" eb="5">
      <t>ヒ</t>
    </rPh>
    <rPh sb="5" eb="6">
      <t>ケイ</t>
    </rPh>
    <phoneticPr fontId="3"/>
  </si>
  <si>
    <t>間接工事費</t>
    <rPh sb="0" eb="2">
      <t>カンセツ</t>
    </rPh>
    <rPh sb="2" eb="4">
      <t>コウジ</t>
    </rPh>
    <rPh sb="4" eb="5">
      <t>ヒ</t>
    </rPh>
    <phoneticPr fontId="3"/>
  </si>
  <si>
    <t>共通仮設費</t>
    <rPh sb="0" eb="2">
      <t>キョウツウ</t>
    </rPh>
    <rPh sb="2" eb="4">
      <t>カセツ</t>
    </rPh>
    <rPh sb="4" eb="5">
      <t>ヒ</t>
    </rPh>
    <phoneticPr fontId="3"/>
  </si>
  <si>
    <t>運搬費</t>
    <rPh sb="0" eb="3">
      <t>ウンパンヒ</t>
    </rPh>
    <phoneticPr fontId="3"/>
  </si>
  <si>
    <t>準備費</t>
    <rPh sb="0" eb="3">
      <t>ジュンビヒ</t>
    </rPh>
    <phoneticPr fontId="3"/>
  </si>
  <si>
    <t>技術管理費</t>
    <rPh sb="0" eb="2">
      <t>ギジュツ</t>
    </rPh>
    <rPh sb="2" eb="5">
      <t>カンリヒ</t>
    </rPh>
    <phoneticPr fontId="3"/>
  </si>
  <si>
    <t>営繕費</t>
    <rPh sb="0" eb="2">
      <t>エイゼン</t>
    </rPh>
    <rPh sb="2" eb="3">
      <t>ヒ</t>
    </rPh>
    <phoneticPr fontId="3"/>
  </si>
  <si>
    <t>（共通仮設費）計</t>
    <rPh sb="1" eb="3">
      <t>キョウツウ</t>
    </rPh>
    <rPh sb="3" eb="5">
      <t>カセツ</t>
    </rPh>
    <rPh sb="5" eb="6">
      <t>ヒ</t>
    </rPh>
    <rPh sb="7" eb="8">
      <t>ケイ</t>
    </rPh>
    <phoneticPr fontId="3"/>
  </si>
  <si>
    <t>（（純工事費</t>
    <rPh sb="2" eb="3">
      <t>ジュン</t>
    </rPh>
    <rPh sb="3" eb="6">
      <t>コウジヒ</t>
    </rPh>
    <phoneticPr fontId="3"/>
  </si>
  <si>
    <t>））</t>
    <phoneticPr fontId="3"/>
  </si>
  <si>
    <t>現場管理費</t>
    <rPh sb="0" eb="2">
      <t>ゲンバ</t>
    </rPh>
    <rPh sb="2" eb="5">
      <t>カンリヒ</t>
    </rPh>
    <phoneticPr fontId="3"/>
  </si>
  <si>
    <t>据付間接費</t>
    <rPh sb="0" eb="2">
      <t>スエツケ</t>
    </rPh>
    <rPh sb="2" eb="5">
      <t>カンセツヒ</t>
    </rPh>
    <phoneticPr fontId="3"/>
  </si>
  <si>
    <t>間接工事費計</t>
    <rPh sb="0" eb="2">
      <t>カンセツ</t>
    </rPh>
    <rPh sb="2" eb="5">
      <t>コウジヒ</t>
    </rPh>
    <rPh sb="5" eb="6">
      <t>ケイ</t>
    </rPh>
    <phoneticPr fontId="3"/>
  </si>
  <si>
    <t>工事原価計</t>
    <rPh sb="0" eb="2">
      <t>コウジ</t>
    </rPh>
    <rPh sb="2" eb="4">
      <t>ゲンカ</t>
    </rPh>
    <rPh sb="4" eb="5">
      <t>ケイ</t>
    </rPh>
    <phoneticPr fontId="3"/>
  </si>
  <si>
    <t>本工事費内訳書</t>
    <rPh sb="0" eb="1">
      <t>ホン</t>
    </rPh>
    <rPh sb="1" eb="3">
      <t>コウジ</t>
    </rPh>
    <rPh sb="3" eb="4">
      <t>ヒ</t>
    </rPh>
    <rPh sb="4" eb="7">
      <t>ウチワケショ</t>
    </rPh>
    <phoneticPr fontId="3"/>
  </si>
  <si>
    <t>単  価</t>
    <phoneticPr fontId="3"/>
  </si>
  <si>
    <t>金  額</t>
    <phoneticPr fontId="3"/>
  </si>
  <si>
    <t>摘  要</t>
    <phoneticPr fontId="3"/>
  </si>
  <si>
    <t>建築工事</t>
    <rPh sb="0" eb="2">
      <t>ケンチク</t>
    </rPh>
    <rPh sb="2" eb="4">
      <t>コウジ</t>
    </rPh>
    <phoneticPr fontId="3"/>
  </si>
  <si>
    <t>記号</t>
    <rPh sb="0" eb="2">
      <t>キゴウ</t>
    </rPh>
    <phoneticPr fontId="3"/>
  </si>
  <si>
    <t>名　　　称</t>
    <rPh sb="0" eb="1">
      <t>メイ</t>
    </rPh>
    <rPh sb="4" eb="5">
      <t>ショウ</t>
    </rPh>
    <phoneticPr fontId="3"/>
  </si>
  <si>
    <t>摘　　要</t>
    <rPh sb="0" eb="1">
      <t>チャク</t>
    </rPh>
    <rPh sb="3" eb="4">
      <t>ヨウ</t>
    </rPh>
    <phoneticPr fontId="3"/>
  </si>
  <si>
    <t>数  量</t>
    <rPh sb="0" eb="4">
      <t>スウリョウ</t>
    </rPh>
    <phoneticPr fontId="3"/>
  </si>
  <si>
    <t>単　　価</t>
  </si>
  <si>
    <t>金　　　額</t>
  </si>
  <si>
    <t>備　　　考</t>
  </si>
  <si>
    <t>種目別内訳書</t>
    <rPh sb="0" eb="3">
      <t>シュモクベツ</t>
    </rPh>
    <rPh sb="3" eb="6">
      <t>ウチワケショ</t>
    </rPh>
    <phoneticPr fontId="3"/>
  </si>
  <si>
    <t>イ</t>
    <phoneticPr fontId="3"/>
  </si>
  <si>
    <t>計</t>
    <rPh sb="0" eb="1">
      <t>ケイ</t>
    </rPh>
    <phoneticPr fontId="3"/>
  </si>
  <si>
    <t>共通費</t>
    <rPh sb="0" eb="2">
      <t>キョウツウ</t>
    </rPh>
    <rPh sb="2" eb="3">
      <t>ヒ</t>
    </rPh>
    <phoneticPr fontId="3"/>
  </si>
  <si>
    <t>一般管理費等</t>
    <rPh sb="0" eb="2">
      <t>イッパン</t>
    </rPh>
    <rPh sb="2" eb="4">
      <t>カンリ</t>
    </rPh>
    <rPh sb="4" eb="5">
      <t>ヒ</t>
    </rPh>
    <rPh sb="5" eb="6">
      <t>トウ</t>
    </rPh>
    <phoneticPr fontId="3"/>
  </si>
  <si>
    <t>技術労務費</t>
    <rPh sb="0" eb="2">
      <t>ギジュツ</t>
    </rPh>
    <rPh sb="2" eb="4">
      <t>ロウム</t>
    </rPh>
    <rPh sb="4" eb="5">
      <t>ヒ</t>
    </rPh>
    <phoneticPr fontId="3"/>
  </si>
  <si>
    <t>プラント機械設備工事</t>
    <rPh sb="4" eb="6">
      <t>キカイ</t>
    </rPh>
    <rPh sb="6" eb="8">
      <t>セツビ</t>
    </rPh>
    <rPh sb="8" eb="10">
      <t>コウジ</t>
    </rPh>
    <phoneticPr fontId="3"/>
  </si>
  <si>
    <t>プラント電気設備工事</t>
    <rPh sb="4" eb="6">
      <t>デンキ</t>
    </rPh>
    <rPh sb="6" eb="8">
      <t>セツビ</t>
    </rPh>
    <rPh sb="8" eb="10">
      <t>コウジ</t>
    </rPh>
    <phoneticPr fontId="3"/>
  </si>
  <si>
    <t>単  価</t>
    <phoneticPr fontId="3"/>
  </si>
  <si>
    <t>金  額</t>
    <phoneticPr fontId="3"/>
  </si>
  <si>
    <t>摘  要</t>
    <phoneticPr fontId="3"/>
  </si>
  <si>
    <t>本工事費</t>
    <rPh sb="0" eb="1">
      <t>ホン</t>
    </rPh>
    <rPh sb="1" eb="4">
      <t>コウジヒ</t>
    </rPh>
    <phoneticPr fontId="3"/>
  </si>
  <si>
    <t>））</t>
    <phoneticPr fontId="3"/>
  </si>
  <si>
    <t>据付(技術者）間接費</t>
    <rPh sb="0" eb="2">
      <t>スエツケ</t>
    </rPh>
    <rPh sb="3" eb="6">
      <t>ギジュツシャ</t>
    </rPh>
    <rPh sb="7" eb="10">
      <t>カンセツヒ</t>
    </rPh>
    <phoneticPr fontId="3"/>
  </si>
  <si>
    <t>据付（機器）間接費</t>
    <rPh sb="0" eb="2">
      <t>スエツケ</t>
    </rPh>
    <rPh sb="3" eb="5">
      <t>キキ</t>
    </rPh>
    <rPh sb="6" eb="9">
      <t>カンセツヒ</t>
    </rPh>
    <phoneticPr fontId="3"/>
  </si>
  <si>
    <t>建築工事</t>
    <rPh sb="0" eb="2">
      <t>ケンチク</t>
    </rPh>
    <rPh sb="2" eb="4">
      <t>コウジ</t>
    </rPh>
    <phoneticPr fontId="2"/>
  </si>
  <si>
    <t>建築機械設備工事</t>
    <rPh sb="0" eb="2">
      <t>ケンチク</t>
    </rPh>
    <phoneticPr fontId="2"/>
  </si>
  <si>
    <t>建築電気設備工事</t>
    <rPh sb="0" eb="2">
      <t>ケンチク</t>
    </rPh>
    <rPh sb="2" eb="4">
      <t>デンキ</t>
    </rPh>
    <rPh sb="4" eb="6">
      <t>セツビ</t>
    </rPh>
    <rPh sb="6" eb="8">
      <t>コウジ</t>
    </rPh>
    <phoneticPr fontId="2"/>
  </si>
  <si>
    <t>発生材処分費</t>
    <rPh sb="0" eb="2">
      <t>ハッセイ</t>
    </rPh>
    <rPh sb="2" eb="3">
      <t>ザイ</t>
    </rPh>
    <rPh sb="3" eb="5">
      <t>ショブン</t>
    </rPh>
    <rPh sb="5" eb="6">
      <t>ヒ</t>
    </rPh>
    <phoneticPr fontId="3"/>
  </si>
  <si>
    <t>新富洲原ポンプ場耐震補強工事（建築）</t>
    <rPh sb="0" eb="1">
      <t>シン</t>
    </rPh>
    <rPh sb="1" eb="4">
      <t>トミスハラ</t>
    </rPh>
    <rPh sb="7" eb="8">
      <t>ジョウ</t>
    </rPh>
    <rPh sb="8" eb="10">
      <t>タイシン</t>
    </rPh>
    <rPh sb="10" eb="12">
      <t>ホキョウ</t>
    </rPh>
    <rPh sb="12" eb="14">
      <t>コウジ</t>
    </rPh>
    <rPh sb="15" eb="17">
      <t>ケンチク</t>
    </rPh>
    <phoneticPr fontId="3"/>
  </si>
  <si>
    <t>新富洲原ポンプ場耐震補強工事</t>
    <rPh sb="0" eb="1">
      <t>シン</t>
    </rPh>
    <rPh sb="1" eb="4">
      <t>トミスハラ</t>
    </rPh>
    <rPh sb="7" eb="8">
      <t>ジョウ</t>
    </rPh>
    <rPh sb="8" eb="10">
      <t>タイシン</t>
    </rPh>
    <rPh sb="10" eb="12">
      <t>ホキョウ</t>
    </rPh>
    <rPh sb="12" eb="14">
      <t>コウジ</t>
    </rPh>
    <phoneticPr fontId="2"/>
  </si>
  <si>
    <t>新富洲原ポンプ場耐震補強工事</t>
  </si>
  <si>
    <t>新富洲原ポンプ場耐震補強工事（プラント機械設備）</t>
  </si>
  <si>
    <t>新富洲原ポンプ場耐震補強工事（プラント電気設備）</t>
  </si>
  <si>
    <t>工事名：新富洲原ポンプ場耐震補強工事</t>
    <rPh sb="0" eb="2">
      <t>コウジ</t>
    </rPh>
    <rPh sb="2" eb="3">
      <t>メイ</t>
    </rPh>
    <rPh sb="4" eb="5">
      <t>シン</t>
    </rPh>
    <rPh sb="5" eb="8">
      <t>トミスハラ</t>
    </rPh>
    <rPh sb="11" eb="12">
      <t>ジョウ</t>
    </rPh>
    <rPh sb="12" eb="14">
      <t>タイシン</t>
    </rPh>
    <rPh sb="14" eb="16">
      <t>ホキョウ</t>
    </rPh>
    <rPh sb="16" eb="18">
      <t>コウジ</t>
    </rPh>
    <phoneticPr fontId="2"/>
  </si>
  <si>
    <t>工事場所：四日市市　富双二丁目　地内</t>
    <rPh sb="0" eb="2">
      <t>コウジ</t>
    </rPh>
    <rPh sb="2" eb="4">
      <t>バショ</t>
    </rPh>
    <rPh sb="5" eb="9">
      <t>ヨッカイチシ</t>
    </rPh>
    <rPh sb="10" eb="11">
      <t>トミ</t>
    </rPh>
    <rPh sb="11" eb="12">
      <t>ソウ</t>
    </rPh>
    <rPh sb="12" eb="15">
      <t>ニチョウメ</t>
    </rPh>
    <rPh sb="16" eb="17">
      <t>チ</t>
    </rPh>
    <rPh sb="17" eb="18">
      <t>ナイ</t>
    </rPh>
    <phoneticPr fontId="2"/>
  </si>
  <si>
    <t>内訳書</t>
    <rPh sb="0" eb="3">
      <t>ウチワケ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5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43" formatCode="_ * #,##0.00_ ;_ * \-#,##0.00_ ;_ * &quot;-&quot;??_ ;_ @_ "/>
    <numFmt numFmtId="176" formatCode="#,##0_);[Red]\(#,##0\)"/>
    <numFmt numFmtId="177" formatCode="0.0_ "/>
    <numFmt numFmtId="178" formatCode="#,##0_ ;[Red]\-#,##0\ "/>
    <numFmt numFmtId="179" formatCode="#,##0.0;[Red]\-#,##0.0"/>
    <numFmt numFmtId="180" formatCode="_(&quot;$&quot;* #,##0_);_(&quot;$&quot;* \(#,##0\);_(&quot;$&quot;* &quot;-&quot;_);_(@_)"/>
    <numFmt numFmtId="181" formatCode="#,##0\ ;\-#,##0\ ;_ * &quot;- &quot;_ ;_ @_ "/>
    <numFmt numFmtId="182" formatCode="_(&quot;¥&quot;* #,##0_);_(&quot;¥&quot;* \(#,##0\);_(&quot;¥&quot;* &quot;-&quot;??_);_(@_)"/>
    <numFmt numFmtId="183" formatCode="###0"/>
    <numFmt numFmtId="184" formatCode="#,##0\-;&quot;▲&quot;#,##0\-"/>
    <numFmt numFmtId="185" formatCode="&quot;¥&quot;#,##0\-;&quot;¥&quot;&quot;▲&quot;#,##0\-"/>
    <numFmt numFmtId="186" formatCode="0.0"/>
    <numFmt numFmtId="187" formatCode="#,##0;&quot;¥&quot;\!\-#,##0;&quot;-&quot;"/>
    <numFmt numFmtId="188" formatCode="&quot;$&quot;#,##0_);[Red]\(&quot;$&quot;#,##0\)"/>
    <numFmt numFmtId="189" formatCode="&quot;$&quot;#,##0.00_);[Red]\(&quot;$&quot;#,##0.00\)"/>
    <numFmt numFmtId="190" formatCode="#,##0_ "/>
    <numFmt numFmtId="191" formatCode="#,##0.0"/>
    <numFmt numFmtId="192" formatCode="0_ "/>
    <numFmt numFmtId="193" formatCode="#,000.0"/>
    <numFmt numFmtId="194" formatCode="#,##0;;"/>
    <numFmt numFmtId="195" formatCode="0.0%"/>
  </numFmts>
  <fonts count="65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sz val="8"/>
      <name val="Arial"/>
      <family val="2"/>
    </font>
    <font>
      <b/>
      <sz val="12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sz val="12"/>
      <name val="ＭＳ Ｐゴシック"/>
      <family val="3"/>
      <charset val="128"/>
    </font>
    <font>
      <b/>
      <i/>
      <sz val="10"/>
      <name val="Times New Roman"/>
      <family val="1"/>
    </font>
    <font>
      <b/>
      <sz val="11"/>
      <name val="Helv"/>
      <family val="2"/>
    </font>
    <font>
      <b/>
      <sz val="9"/>
      <name val="Times New Roman"/>
      <family val="1"/>
    </font>
    <font>
      <b/>
      <sz val="16"/>
      <color indexed="8"/>
      <name val="ＭＳ Ｐゴシック"/>
      <family val="3"/>
      <charset val="128"/>
    </font>
    <font>
      <sz val="11"/>
      <name val="ＪＳ明朝"/>
      <family val="1"/>
      <charset val="128"/>
    </font>
    <font>
      <sz val="10"/>
      <name val="明朝"/>
      <family val="1"/>
      <charset val="128"/>
    </font>
    <font>
      <sz val="14"/>
      <name val="ＭＳ 明朝"/>
      <family val="1"/>
      <charset val="128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2"/>
      <name val="明朝"/>
      <family val="1"/>
      <charset val="128"/>
    </font>
    <font>
      <sz val="8"/>
      <name val="明朝"/>
      <family val="1"/>
      <charset val="128"/>
    </font>
    <font>
      <sz val="10"/>
      <name val="メイリオ"/>
      <family val="3"/>
      <charset val="128"/>
    </font>
    <font>
      <sz val="11"/>
      <name val="メイリオ"/>
      <family val="3"/>
      <charset val="128"/>
    </font>
    <font>
      <sz val="14"/>
      <name val="メイリオ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7.5"/>
      <name val="ＭＳ 明朝"/>
      <family val="1"/>
      <charset val="128"/>
    </font>
    <font>
      <sz val="9"/>
      <name val="ＦＡ Ｐ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9.5"/>
      <name val="ＭＳ ゴシック"/>
      <family val="3"/>
      <charset val="128"/>
    </font>
    <font>
      <b/>
      <sz val="18"/>
      <color indexed="56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2"/>
      <name val="ＭＳ 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2"/>
      <color indexed="12"/>
      <name val="ＭＳ Ｐゴシック"/>
      <family val="3"/>
      <charset val="128"/>
    </font>
    <font>
      <sz val="11"/>
      <name val="・団"/>
      <family val="1"/>
      <charset val="128"/>
    </font>
    <font>
      <sz val="11"/>
      <color indexed="8"/>
      <name val="ＭＳ 明朝"/>
      <family val="1"/>
      <charset val="128"/>
    </font>
    <font>
      <sz val="6"/>
      <name val="ＭＳ 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明朝"/>
      <family val="1"/>
      <charset val="128"/>
    </font>
    <font>
      <sz val="11"/>
      <color indexed="17"/>
      <name val="ＭＳ Ｐゴシック"/>
      <family val="3"/>
      <charset val="128"/>
    </font>
    <font>
      <b/>
      <sz val="12"/>
      <name val="ＭＳ 明朝"/>
      <family val="1"/>
      <charset val="128"/>
    </font>
    <font>
      <sz val="9"/>
      <name val="ＭＳ 明朝"/>
      <family val="1"/>
      <charset val="128"/>
    </font>
    <font>
      <sz val="12"/>
      <name val="Arial"/>
      <family val="2"/>
    </font>
    <font>
      <sz val="10"/>
      <name val="ＭＳ ゴシック"/>
      <family val="3"/>
      <charset val="128"/>
    </font>
    <font>
      <sz val="11"/>
      <color indexed="10"/>
      <name val="ＭＳ 明朝"/>
      <family val="1"/>
      <charset val="128"/>
    </font>
    <font>
      <sz val="11"/>
      <name val="lr oSVbN"/>
      <family val="2"/>
    </font>
    <font>
      <sz val="10"/>
      <color indexed="12"/>
      <name val="ＭＳ 明朝"/>
      <family val="1"/>
      <charset val="128"/>
    </font>
  </fonts>
  <fills count="27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</patternFill>
    </fill>
    <fill>
      <patternFill patternType="solid">
        <fgColor indexed="9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29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</fills>
  <borders count="57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</borders>
  <cellStyleXfs count="169">
    <xf numFmtId="0" fontId="0" fillId="0" borderId="0">
      <alignment vertical="center"/>
    </xf>
    <xf numFmtId="0" fontId="1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6" fillId="0" borderId="0"/>
    <xf numFmtId="0" fontId="1" fillId="0" borderId="0">
      <alignment vertical="center"/>
    </xf>
    <xf numFmtId="40" fontId="8" fillId="0" borderId="0" applyFont="0" applyFill="0" applyBorder="0" applyAlignment="0" applyProtection="0"/>
    <xf numFmtId="8" fontId="8" fillId="0" borderId="0" applyFont="0" applyFill="0" applyBorder="0" applyAlignment="0" applyProtection="0"/>
    <xf numFmtId="0" fontId="9" fillId="0" borderId="30" applyNumberFormat="0" applyFont="0" applyFill="0" applyAlignment="0" applyProtection="0"/>
    <xf numFmtId="0" fontId="10" fillId="0" borderId="0" applyFill="0" applyBorder="0" applyAlignment="0"/>
    <xf numFmtId="0" fontId="11" fillId="0" borderId="0">
      <alignment horizontal="left"/>
    </xf>
    <xf numFmtId="38" fontId="12" fillId="2" borderId="0" applyNumberFormat="0" applyBorder="0" applyAlignment="0" applyProtection="0"/>
    <xf numFmtId="0" fontId="13" fillId="0" borderId="33" applyNumberFormat="0" applyAlignment="0" applyProtection="0">
      <alignment horizontal="left" vertical="center"/>
    </xf>
    <xf numFmtId="0" fontId="13" fillId="0" borderId="29">
      <alignment horizontal="left" vertical="center"/>
    </xf>
    <xf numFmtId="10" fontId="12" fillId="3" borderId="2" applyNumberFormat="0" applyBorder="0" applyAlignment="0" applyProtection="0"/>
    <xf numFmtId="180" fontId="1" fillId="0" borderId="0"/>
    <xf numFmtId="0" fontId="14" fillId="0" borderId="0"/>
    <xf numFmtId="10" fontId="14" fillId="0" borderId="0" applyFont="0" applyFill="0" applyBorder="0" applyAlignment="0" applyProtection="0"/>
    <xf numFmtId="4" fontId="11" fillId="0" borderId="0">
      <alignment horizontal="right"/>
    </xf>
    <xf numFmtId="0" fontId="15" fillId="0" borderId="0" applyNumberFormat="0" applyFont="0" applyFill="0" applyBorder="0" applyAlignment="0" applyProtection="0">
      <alignment horizontal="left"/>
    </xf>
    <xf numFmtId="0" fontId="16" fillId="0" borderId="34">
      <alignment horizontal="center"/>
    </xf>
    <xf numFmtId="4" fontId="17" fillId="0" borderId="0">
      <alignment horizontal="right"/>
    </xf>
    <xf numFmtId="0" fontId="18" fillId="0" borderId="0"/>
    <xf numFmtId="0" fontId="18" fillId="0" borderId="0"/>
    <xf numFmtId="0" fontId="19" fillId="0" borderId="0">
      <alignment horizontal="left"/>
    </xf>
    <xf numFmtId="0" fontId="15" fillId="0" borderId="0"/>
    <xf numFmtId="0" fontId="20" fillId="0" borderId="0"/>
    <xf numFmtId="0" fontId="21" fillId="0" borderId="0">
      <alignment horizontal="center"/>
    </xf>
    <xf numFmtId="0" fontId="6" fillId="0" borderId="22" applyNumberFormat="0" applyFill="0" applyBorder="0" applyAlignment="0" applyProtection="0">
      <alignment horizontal="distributed" vertical="center" justifyLastLine="1"/>
    </xf>
    <xf numFmtId="181" fontId="7" fillId="0" borderId="0" applyFill="0" applyBorder="0" applyAlignment="0" applyProtection="0">
      <alignment vertical="center"/>
    </xf>
    <xf numFmtId="0" fontId="22" fillId="4" borderId="0">
      <alignment horizontal="right" vertical="top"/>
    </xf>
    <xf numFmtId="182" fontId="5" fillId="5" borderId="25" applyFont="0" applyFill="0" applyBorder="0" applyAlignment="0" applyProtection="0">
      <protection locked="0"/>
    </xf>
    <xf numFmtId="179" fontId="4" fillId="0" borderId="32"/>
    <xf numFmtId="38" fontId="1" fillId="0" borderId="0" applyFont="0" applyFill="0" applyBorder="0" applyAlignment="0" applyProtection="0"/>
    <xf numFmtId="183" fontId="23" fillId="0" borderId="35" applyFill="0" applyBorder="0" applyProtection="0"/>
    <xf numFmtId="184" fontId="24" fillId="0" borderId="19">
      <protection locked="0"/>
    </xf>
    <xf numFmtId="184" fontId="24" fillId="0" borderId="19">
      <protection locked="0"/>
    </xf>
    <xf numFmtId="185" fontId="24" fillId="0" borderId="19">
      <protection locked="0"/>
    </xf>
    <xf numFmtId="0" fontId="25" fillId="0" borderId="36">
      <alignment horizontal="center"/>
    </xf>
    <xf numFmtId="42" fontId="7" fillId="0" borderId="0" applyFill="0" applyBorder="0" applyAlignment="0" applyProtection="0">
      <alignment horizontal="center" vertical="center"/>
    </xf>
    <xf numFmtId="186" fontId="26" fillId="4" borderId="37">
      <alignment horizontal="right"/>
    </xf>
    <xf numFmtId="2" fontId="27" fillId="0" borderId="31">
      <alignment horizontal="center"/>
    </xf>
    <xf numFmtId="0" fontId="28" fillId="0" borderId="1" applyFill="0" applyBorder="0" applyProtection="0">
      <alignment horizontal="left" vertical="center"/>
    </xf>
    <xf numFmtId="0" fontId="1" fillId="0" borderId="0"/>
    <xf numFmtId="0" fontId="29" fillId="0" borderId="0"/>
    <xf numFmtId="0" fontId="24" fillId="0" borderId="0"/>
    <xf numFmtId="0" fontId="6" fillId="0" borderId="0"/>
    <xf numFmtId="0" fontId="9" fillId="0" borderId="0" applyBorder="0">
      <alignment vertical="center"/>
    </xf>
    <xf numFmtId="0" fontId="25" fillId="0" borderId="0"/>
    <xf numFmtId="0" fontId="9" fillId="0" borderId="0"/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8" fillId="0" borderId="0"/>
    <xf numFmtId="2" fontId="9" fillId="0" borderId="0" applyNumberFormat="0" applyFont="0" applyBorder="0" applyAlignment="0" applyProtection="0"/>
    <xf numFmtId="0" fontId="34" fillId="0" borderId="0" applyBorder="0" applyAlignment="0"/>
    <xf numFmtId="0" fontId="35" fillId="0" borderId="0" applyNumberFormat="0" applyFill="0" applyBorder="0" applyAlignment="0" applyProtection="0"/>
    <xf numFmtId="0" fontId="36" fillId="6" borderId="0" applyNumberFormat="0" applyBorder="0" applyAlignment="0" applyProtection="0">
      <alignment vertical="center"/>
    </xf>
    <xf numFmtId="0" fontId="36" fillId="7" borderId="0" applyNumberFormat="0" applyBorder="0" applyAlignment="0" applyProtection="0">
      <alignment vertical="center"/>
    </xf>
    <xf numFmtId="0" fontId="36" fillId="8" borderId="0" applyNumberFormat="0" applyBorder="0" applyAlignment="0" applyProtection="0">
      <alignment vertical="center"/>
    </xf>
    <xf numFmtId="0" fontId="36" fillId="9" borderId="0" applyNumberFormat="0" applyBorder="0" applyAlignment="0" applyProtection="0">
      <alignment vertical="center"/>
    </xf>
    <xf numFmtId="0" fontId="36" fillId="10" borderId="0" applyNumberFormat="0" applyBorder="0" applyAlignment="0" applyProtection="0">
      <alignment vertical="center"/>
    </xf>
    <xf numFmtId="0" fontId="36" fillId="11" borderId="0" applyNumberFormat="0" applyBorder="0" applyAlignment="0" applyProtection="0">
      <alignment vertical="center"/>
    </xf>
    <xf numFmtId="0" fontId="36" fillId="12" borderId="0" applyNumberFormat="0" applyBorder="0" applyAlignment="0" applyProtection="0">
      <alignment vertical="center"/>
    </xf>
    <xf numFmtId="0" fontId="36" fillId="9" borderId="0" applyNumberFormat="0" applyBorder="0" applyAlignment="0" applyProtection="0">
      <alignment vertical="center"/>
    </xf>
    <xf numFmtId="0" fontId="36" fillId="11" borderId="0" applyNumberFormat="0" applyBorder="0" applyAlignment="0" applyProtection="0">
      <alignment vertical="center"/>
    </xf>
    <xf numFmtId="0" fontId="36" fillId="13" borderId="0" applyNumberFormat="0" applyBorder="0" applyAlignment="0" applyProtection="0">
      <alignment vertical="center"/>
    </xf>
    <xf numFmtId="0" fontId="37" fillId="14" borderId="0" applyNumberFormat="0" applyBorder="0" applyAlignment="0" applyProtection="0">
      <alignment vertical="center"/>
    </xf>
    <xf numFmtId="0" fontId="37" fillId="15" borderId="0" applyNumberFormat="0" applyBorder="0" applyAlignment="0" applyProtection="0">
      <alignment vertical="center"/>
    </xf>
    <xf numFmtId="0" fontId="37" fillId="12" borderId="0" applyNumberFormat="0" applyBorder="0" applyAlignment="0" applyProtection="0">
      <alignment vertical="center"/>
    </xf>
    <xf numFmtId="0" fontId="37" fillId="16" borderId="0" applyNumberFormat="0" applyBorder="0" applyAlignment="0" applyProtection="0">
      <alignment vertical="center"/>
    </xf>
    <xf numFmtId="0" fontId="37" fillId="17" borderId="0" applyNumberFormat="0" applyBorder="0" applyAlignment="0" applyProtection="0">
      <alignment vertical="center"/>
    </xf>
    <xf numFmtId="0" fontId="37" fillId="18" borderId="0" applyNumberFormat="0" applyBorder="0" applyAlignment="0" applyProtection="0">
      <alignment vertical="center"/>
    </xf>
    <xf numFmtId="187" fontId="10" fillId="0" borderId="0" applyFill="0" applyBorder="0" applyAlignment="0"/>
    <xf numFmtId="38" fontId="15" fillId="0" borderId="0" applyFont="0" applyFill="0" applyBorder="0" applyAlignment="0" applyProtection="0"/>
    <xf numFmtId="40" fontId="15" fillId="0" borderId="0" applyFont="0" applyFill="0" applyBorder="0" applyAlignment="0" applyProtection="0"/>
    <xf numFmtId="188" fontId="15" fillId="0" borderId="0" applyFont="0" applyFill="0" applyBorder="0" applyAlignment="0" applyProtection="0"/>
    <xf numFmtId="189" fontId="15" fillId="0" borderId="0" applyFont="0" applyFill="0" applyBorder="0" applyAlignment="0" applyProtection="0"/>
    <xf numFmtId="0" fontId="38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35" fillId="0" borderId="0" applyNumberFormat="0" applyFill="0" applyBorder="0" applyAlignment="0" applyProtection="0"/>
    <xf numFmtId="0" fontId="37" fillId="19" borderId="0" applyNumberFormat="0" applyBorder="0" applyAlignment="0" applyProtection="0">
      <alignment vertical="center"/>
    </xf>
    <xf numFmtId="0" fontId="37" fillId="20" borderId="0" applyNumberFormat="0" applyBorder="0" applyAlignment="0" applyProtection="0">
      <alignment vertical="center"/>
    </xf>
    <xf numFmtId="0" fontId="37" fillId="21" borderId="0" applyNumberFormat="0" applyBorder="0" applyAlignment="0" applyProtection="0">
      <alignment vertical="center"/>
    </xf>
    <xf numFmtId="0" fontId="37" fillId="16" borderId="0" applyNumberFormat="0" applyBorder="0" applyAlignment="0" applyProtection="0">
      <alignment vertical="center"/>
    </xf>
    <xf numFmtId="0" fontId="37" fillId="22" borderId="0" applyNumberFormat="0" applyBorder="0" applyAlignment="0" applyProtection="0">
      <alignment vertical="center"/>
    </xf>
    <xf numFmtId="0" fontId="39" fillId="0" borderId="0" applyNumberFormat="0" applyFill="0" applyBorder="0" applyAlignment="0" applyProtection="0">
      <alignment vertical="center"/>
    </xf>
    <xf numFmtId="0" fontId="40" fillId="23" borderId="0" applyNumberFormat="0" applyBorder="0" applyAlignment="0" applyProtection="0">
      <alignment vertical="center"/>
    </xf>
    <xf numFmtId="9" fontId="33" fillId="0" borderId="0" applyFont="0" applyFill="0" applyBorder="0" applyAlignment="0" applyProtection="0">
      <alignment vertical="center"/>
    </xf>
    <xf numFmtId="9" fontId="1" fillId="0" borderId="0" applyFont="0" applyFill="0" applyBorder="0" applyAlignment="0" applyProtection="0"/>
    <xf numFmtId="0" fontId="1" fillId="24" borderId="42" applyNumberFormat="0" applyFont="0" applyAlignment="0" applyProtection="0">
      <alignment vertical="center"/>
    </xf>
    <xf numFmtId="0" fontId="41" fillId="0" borderId="43" applyNumberFormat="0" applyFill="0" applyAlignment="0" applyProtection="0">
      <alignment vertical="center"/>
    </xf>
    <xf numFmtId="0" fontId="42" fillId="7" borderId="0" applyNumberFormat="0" applyBorder="0" applyAlignment="0" applyProtection="0">
      <alignment vertical="center"/>
    </xf>
    <xf numFmtId="0" fontId="43" fillId="25" borderId="44" applyNumberFormat="0" applyAlignment="0" applyProtection="0">
      <alignment vertical="center"/>
    </xf>
    <xf numFmtId="43" fontId="14" fillId="0" borderId="0" applyFont="0" applyFill="0" applyBorder="0" applyAlignment="0" applyProtection="0"/>
    <xf numFmtId="41" fontId="14" fillId="0" borderId="0" applyFont="0" applyFill="0" applyBorder="0" applyAlignment="0" applyProtection="0"/>
    <xf numFmtId="38" fontId="1" fillId="0" borderId="0" applyFont="0" applyFill="0" applyBorder="0" applyAlignment="0" applyProtection="0"/>
    <xf numFmtId="38" fontId="33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38" fontId="9" fillId="0" borderId="0" applyFont="0" applyFill="0" applyBorder="0" applyAlignment="0" applyProtection="0">
      <alignment vertical="center"/>
    </xf>
    <xf numFmtId="0" fontId="44" fillId="0" borderId="2"/>
    <xf numFmtId="0" fontId="45" fillId="0" borderId="45" applyNumberFormat="0" applyFill="0" applyAlignment="0" applyProtection="0">
      <alignment vertical="center"/>
    </xf>
    <xf numFmtId="0" fontId="46" fillId="0" borderId="46" applyNumberFormat="0" applyFill="0" applyAlignment="0" applyProtection="0">
      <alignment vertical="center"/>
    </xf>
    <xf numFmtId="0" fontId="47" fillId="0" borderId="47" applyNumberFormat="0" applyFill="0" applyAlignment="0" applyProtection="0">
      <alignment vertical="center"/>
    </xf>
    <xf numFmtId="0" fontId="47" fillId="0" borderId="0" applyNumberFormat="0" applyFill="0" applyBorder="0" applyAlignment="0" applyProtection="0">
      <alignment vertical="center"/>
    </xf>
    <xf numFmtId="1" fontId="6" fillId="0" borderId="38"/>
    <xf numFmtId="1" fontId="6" fillId="0" borderId="38"/>
    <xf numFmtId="1" fontId="6" fillId="0" borderId="38"/>
    <xf numFmtId="1" fontId="6" fillId="0" borderId="38"/>
    <xf numFmtId="1" fontId="6" fillId="0" borderId="38"/>
    <xf numFmtId="1" fontId="6" fillId="0" borderId="38"/>
    <xf numFmtId="1" fontId="6" fillId="0" borderId="38"/>
    <xf numFmtId="1" fontId="6" fillId="0" borderId="38"/>
    <xf numFmtId="1" fontId="6" fillId="0" borderId="38"/>
    <xf numFmtId="1" fontId="6" fillId="0" borderId="38"/>
    <xf numFmtId="1" fontId="6" fillId="0" borderId="38"/>
    <xf numFmtId="1" fontId="6" fillId="0" borderId="38"/>
    <xf numFmtId="1" fontId="6" fillId="0" borderId="38"/>
    <xf numFmtId="0" fontId="48" fillId="0" borderId="0">
      <alignment horizontal="center"/>
    </xf>
    <xf numFmtId="0" fontId="49" fillId="0" borderId="48" applyNumberFormat="0" applyFill="0" applyAlignment="0" applyProtection="0">
      <alignment vertical="center"/>
    </xf>
    <xf numFmtId="0" fontId="50" fillId="25" borderId="49" applyNumberFormat="0" applyAlignment="0" applyProtection="0">
      <alignment vertical="center"/>
    </xf>
    <xf numFmtId="0" fontId="51" fillId="0" borderId="0"/>
    <xf numFmtId="0" fontId="6" fillId="0" borderId="0" applyNumberFormat="0" applyFont="0" applyBorder="0" applyAlignment="0" applyProtection="0"/>
    <xf numFmtId="8" fontId="52" fillId="0" borderId="0" applyFont="0" applyFill="0" applyBorder="0" applyAlignment="0" applyProtection="0"/>
    <xf numFmtId="6" fontId="52" fillId="0" borderId="0" applyFont="0" applyFill="0" applyBorder="0" applyAlignment="0" applyProtection="0"/>
    <xf numFmtId="6" fontId="1" fillId="0" borderId="0" applyFont="0" applyFill="0" applyBorder="0" applyAlignment="0" applyProtection="0"/>
    <xf numFmtId="0" fontId="5" fillId="0" borderId="2">
      <alignment horizontal="left" vertical="center"/>
    </xf>
    <xf numFmtId="0" fontId="53" fillId="0" borderId="0"/>
    <xf numFmtId="0" fontId="54" fillId="0" borderId="28" applyBorder="0">
      <alignment horizontal="center" vertical="center"/>
    </xf>
    <xf numFmtId="0" fontId="55" fillId="10" borderId="44" applyNumberFormat="0" applyAlignment="0" applyProtection="0">
      <alignment vertical="center"/>
    </xf>
    <xf numFmtId="0" fontId="25" fillId="0" borderId="0"/>
    <xf numFmtId="0" fontId="1" fillId="0" borderId="0">
      <alignment vertical="center"/>
    </xf>
    <xf numFmtId="0" fontId="33" fillId="0" borderId="0">
      <alignment vertical="center"/>
    </xf>
    <xf numFmtId="0" fontId="1" fillId="0" borderId="0"/>
    <xf numFmtId="0" fontId="1" fillId="0" borderId="0"/>
    <xf numFmtId="0" fontId="56" fillId="0" borderId="0"/>
    <xf numFmtId="0" fontId="57" fillId="8" borderId="0" applyNumberFormat="0" applyBorder="0" applyAlignment="0" applyProtection="0">
      <alignment vertical="center"/>
    </xf>
    <xf numFmtId="0" fontId="14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12" fillId="0" borderId="0" applyNumberFormat="0" applyFill="0" applyBorder="0" applyAlignment="0" applyProtection="0"/>
    <xf numFmtId="191" fontId="1" fillId="0" borderId="0" applyFill="0" applyBorder="0" applyAlignment="0"/>
    <xf numFmtId="0" fontId="44" fillId="0" borderId="0" applyNumberFormat="0" applyFont="0" applyBorder="0" applyAlignment="0" applyProtection="0"/>
    <xf numFmtId="0" fontId="61" fillId="0" borderId="0" applyNumberFormat="0" applyFill="0" applyBorder="0" applyAlignment="0" applyProtection="0"/>
    <xf numFmtId="0" fontId="44" fillId="0" borderId="0" applyNumberFormat="0" applyFill="0" applyBorder="0" applyAlignment="0" applyProtection="0"/>
    <xf numFmtId="0" fontId="62" fillId="26" borderId="0" applyNumberFormat="0" applyBorder="0" applyAlignment="0" applyProtection="0">
      <alignment vertical="center"/>
    </xf>
    <xf numFmtId="0" fontId="62" fillId="26" borderId="0" applyNumberFormat="0" applyBorder="0" applyAlignment="0" applyProtection="0"/>
    <xf numFmtId="192" fontId="18" fillId="0" borderId="56" applyNumberFormat="0" applyFont="0" applyAlignment="0" applyProtection="0"/>
    <xf numFmtId="0" fontId="6" fillId="0" borderId="0" applyNumberFormat="0" applyBorder="0" applyAlignment="0"/>
    <xf numFmtId="40" fontId="63" fillId="0" borderId="0" applyFont="0" applyFill="0" applyBorder="0" applyAlignment="0" applyProtection="0"/>
    <xf numFmtId="8" fontId="63" fillId="0" borderId="0" applyFont="0" applyFill="0" applyBorder="0" applyAlignment="0" applyProtection="0"/>
    <xf numFmtId="193" fontId="56" fillId="0" borderId="0" applyFill="0" applyBorder="0" applyAlignment="0"/>
    <xf numFmtId="188" fontId="6" fillId="0" borderId="0"/>
    <xf numFmtId="38" fontId="56" fillId="0" borderId="0" applyFont="0" applyFill="0" applyBorder="0" applyAlignment="0" applyProtection="0"/>
    <xf numFmtId="194" fontId="64" fillId="0" borderId="35" applyFill="0" applyBorder="0" applyProtection="0"/>
    <xf numFmtId="0" fontId="1" fillId="0" borderId="0"/>
    <xf numFmtId="0" fontId="5" fillId="0" borderId="0"/>
    <xf numFmtId="38" fontId="1" fillId="0" borderId="0" applyFont="0" applyFill="0" applyBorder="0" applyAlignment="0" applyProtection="0"/>
    <xf numFmtId="0" fontId="1" fillId="0" borderId="0"/>
    <xf numFmtId="0" fontId="59" fillId="0" borderId="0">
      <alignment vertical="center"/>
    </xf>
  </cellStyleXfs>
  <cellXfs count="191">
    <xf numFmtId="0" fontId="0" fillId="0" borderId="0" xfId="0">
      <alignment vertical="center"/>
    </xf>
    <xf numFmtId="0" fontId="32" fillId="0" borderId="0" xfId="1" applyFont="1" applyAlignment="1">
      <alignment vertical="top"/>
    </xf>
    <xf numFmtId="0" fontId="30" fillId="0" borderId="0" xfId="1" applyFont="1" applyAlignment="1">
      <alignment vertical="top"/>
    </xf>
    <xf numFmtId="0" fontId="30" fillId="0" borderId="0" xfId="1" applyFont="1" applyFill="1" applyAlignment="1">
      <alignment vertical="top"/>
    </xf>
    <xf numFmtId="0" fontId="31" fillId="0" borderId="0" xfId="1" applyFont="1" applyAlignment="1">
      <alignment vertical="top"/>
    </xf>
    <xf numFmtId="0" fontId="30" fillId="0" borderId="3" xfId="1" applyFont="1" applyBorder="1" applyAlignment="1">
      <alignment vertical="top"/>
    </xf>
    <xf numFmtId="0" fontId="30" fillId="0" borderId="4" xfId="1" applyFont="1" applyBorder="1" applyAlignment="1">
      <alignment vertical="top"/>
    </xf>
    <xf numFmtId="0" fontId="30" fillId="0" borderId="5" xfId="1" applyFont="1" applyBorder="1" applyAlignment="1">
      <alignment horizontal="right" vertical="top"/>
    </xf>
    <xf numFmtId="0" fontId="30" fillId="0" borderId="4" xfId="1" applyFont="1" applyFill="1" applyBorder="1" applyAlignment="1">
      <alignment vertical="top"/>
    </xf>
    <xf numFmtId="0" fontId="30" fillId="0" borderId="5" xfId="1" applyFont="1" applyBorder="1" applyAlignment="1">
      <alignment vertical="top"/>
    </xf>
    <xf numFmtId="0" fontId="31" fillId="0" borderId="6" xfId="1" applyFont="1" applyBorder="1" applyAlignment="1">
      <alignment vertical="top"/>
    </xf>
    <xf numFmtId="0" fontId="31" fillId="0" borderId="7" xfId="1" applyFont="1" applyBorder="1" applyAlignment="1">
      <alignment vertical="top"/>
    </xf>
    <xf numFmtId="0" fontId="30" fillId="0" borderId="8" xfId="1" applyFont="1" applyBorder="1" applyAlignment="1">
      <alignment horizontal="center" vertical="top"/>
    </xf>
    <xf numFmtId="0" fontId="30" fillId="0" borderId="9" xfId="1" applyFont="1" applyBorder="1" applyAlignment="1">
      <alignment horizontal="center" vertical="top"/>
    </xf>
    <xf numFmtId="0" fontId="30" fillId="0" borderId="9" xfId="1" applyFont="1" applyFill="1" applyBorder="1" applyAlignment="1">
      <alignment horizontal="center" vertical="top"/>
    </xf>
    <xf numFmtId="0" fontId="31" fillId="0" borderId="13" xfId="1" applyFont="1" applyBorder="1" applyAlignment="1">
      <alignment vertical="top"/>
    </xf>
    <xf numFmtId="0" fontId="31" fillId="0" borderId="14" xfId="1" applyFont="1" applyBorder="1" applyAlignment="1">
      <alignment vertical="top"/>
    </xf>
    <xf numFmtId="177" fontId="31" fillId="0" borderId="14" xfId="1" applyNumberFormat="1" applyFont="1" applyBorder="1" applyAlignment="1">
      <alignment vertical="top"/>
    </xf>
    <xf numFmtId="3" fontId="31" fillId="0" borderId="14" xfId="1" applyNumberFormat="1" applyFont="1" applyFill="1" applyBorder="1" applyAlignment="1">
      <alignment vertical="top"/>
    </xf>
    <xf numFmtId="0" fontId="31" fillId="0" borderId="15" xfId="1" applyFont="1" applyBorder="1" applyAlignment="1">
      <alignment vertical="top"/>
    </xf>
    <xf numFmtId="0" fontId="31" fillId="0" borderId="0" xfId="1" applyFont="1" applyBorder="1" applyAlignment="1">
      <alignment vertical="top"/>
    </xf>
    <xf numFmtId="0" fontId="31" fillId="0" borderId="16" xfId="1" applyFont="1" applyBorder="1" applyAlignment="1">
      <alignment vertical="top"/>
    </xf>
    <xf numFmtId="0" fontId="31" fillId="0" borderId="17" xfId="1" applyFont="1" applyBorder="1" applyAlignment="1">
      <alignment vertical="top"/>
    </xf>
    <xf numFmtId="0" fontId="31" fillId="0" borderId="18" xfId="1" applyFont="1" applyBorder="1" applyAlignment="1">
      <alignment vertical="top"/>
    </xf>
    <xf numFmtId="177" fontId="31" fillId="0" borderId="18" xfId="1" applyNumberFormat="1" applyFont="1" applyBorder="1" applyAlignment="1">
      <alignment vertical="top"/>
    </xf>
    <xf numFmtId="3" fontId="31" fillId="0" borderId="18" xfId="1" applyNumberFormat="1" applyFont="1" applyFill="1" applyBorder="1" applyAlignment="1">
      <alignment vertical="top"/>
    </xf>
    <xf numFmtId="0" fontId="31" fillId="0" borderId="19" xfId="1" applyFont="1" applyBorder="1" applyAlignment="1">
      <alignment vertical="top"/>
    </xf>
    <xf numFmtId="0" fontId="31" fillId="0" borderId="20" xfId="1" applyFont="1" applyBorder="1" applyAlignment="1">
      <alignment vertical="top"/>
    </xf>
    <xf numFmtId="0" fontId="31" fillId="0" borderId="21" xfId="1" applyFont="1" applyBorder="1" applyAlignment="1">
      <alignment vertical="top"/>
    </xf>
    <xf numFmtId="0" fontId="31" fillId="0" borderId="18" xfId="1" applyFont="1" applyBorder="1" applyAlignment="1">
      <alignment horizontal="center" vertical="top"/>
    </xf>
    <xf numFmtId="0" fontId="31" fillId="0" borderId="8" xfId="1" applyFont="1" applyBorder="1" applyAlignment="1">
      <alignment vertical="top"/>
    </xf>
    <xf numFmtId="0" fontId="31" fillId="0" borderId="9" xfId="1" applyFont="1" applyBorder="1" applyAlignment="1">
      <alignment vertical="top"/>
    </xf>
    <xf numFmtId="177" fontId="31" fillId="0" borderId="9" xfId="1" applyNumberFormat="1" applyFont="1" applyBorder="1" applyAlignment="1">
      <alignment vertical="top"/>
    </xf>
    <xf numFmtId="3" fontId="31" fillId="0" borderId="9" xfId="1" applyNumberFormat="1" applyFont="1" applyFill="1" applyBorder="1" applyAlignment="1">
      <alignment vertical="top"/>
    </xf>
    <xf numFmtId="0" fontId="31" fillId="0" borderId="10" xfId="1" applyFont="1" applyBorder="1" applyAlignment="1">
      <alignment vertical="top"/>
    </xf>
    <xf numFmtId="0" fontId="31" fillId="0" borderId="11" xfId="1" applyFont="1" applyBorder="1" applyAlignment="1">
      <alignment vertical="top"/>
    </xf>
    <xf numFmtId="0" fontId="31" fillId="0" borderId="12" xfId="1" applyFont="1" applyBorder="1" applyAlignment="1">
      <alignment vertical="top"/>
    </xf>
    <xf numFmtId="178" fontId="31" fillId="0" borderId="18" xfId="1" applyNumberFormat="1" applyFont="1" applyFill="1" applyBorder="1" applyAlignment="1">
      <alignment vertical="top"/>
    </xf>
    <xf numFmtId="0" fontId="31" fillId="0" borderId="0" xfId="1" applyNumberFormat="1" applyFont="1" applyBorder="1" applyAlignment="1">
      <alignment vertical="top"/>
    </xf>
    <xf numFmtId="0" fontId="31" fillId="0" borderId="0" xfId="1" applyNumberFormat="1" applyFont="1" applyFill="1" applyBorder="1" applyAlignment="1">
      <alignment vertical="top"/>
    </xf>
    <xf numFmtId="0" fontId="31" fillId="0" borderId="0" xfId="1" applyFont="1" applyFill="1" applyAlignment="1">
      <alignment vertical="top"/>
    </xf>
    <xf numFmtId="0" fontId="32" fillId="0" borderId="0" xfId="1" applyFont="1" applyAlignment="1">
      <alignment vertical="center"/>
    </xf>
    <xf numFmtId="0" fontId="30" fillId="0" borderId="0" xfId="1" applyFont="1" applyAlignment="1">
      <alignment vertical="center"/>
    </xf>
    <xf numFmtId="0" fontId="30" fillId="0" borderId="3" xfId="1" applyFont="1" applyBorder="1" applyAlignment="1">
      <alignment vertical="center"/>
    </xf>
    <xf numFmtId="0" fontId="30" fillId="0" borderId="4" xfId="1" applyFont="1" applyBorder="1" applyAlignment="1">
      <alignment vertical="center"/>
    </xf>
    <xf numFmtId="0" fontId="30" fillId="0" borderId="5" xfId="1" applyFont="1" applyBorder="1" applyAlignment="1">
      <alignment horizontal="right" vertical="center"/>
    </xf>
    <xf numFmtId="0" fontId="30" fillId="0" borderId="5" xfId="1" applyFont="1" applyBorder="1" applyAlignment="1">
      <alignment vertical="center"/>
    </xf>
    <xf numFmtId="0" fontId="30" fillId="0" borderId="6" xfId="1" applyFont="1" applyBorder="1" applyAlignment="1">
      <alignment vertical="center"/>
    </xf>
    <xf numFmtId="0" fontId="30" fillId="0" borderId="7" xfId="1" applyFont="1" applyBorder="1" applyAlignment="1">
      <alignment vertical="center"/>
    </xf>
    <xf numFmtId="0" fontId="30" fillId="0" borderId="8" xfId="1" applyFont="1" applyBorder="1" applyAlignment="1">
      <alignment horizontal="center" vertical="center"/>
    </xf>
    <xf numFmtId="0" fontId="30" fillId="0" borderId="9" xfId="1" applyFont="1" applyBorder="1" applyAlignment="1">
      <alignment horizontal="center" vertical="center"/>
    </xf>
    <xf numFmtId="0" fontId="30" fillId="0" borderId="13" xfId="1" applyFont="1" applyBorder="1" applyAlignment="1">
      <alignment vertical="center"/>
    </xf>
    <xf numFmtId="0" fontId="30" fillId="0" borderId="14" xfId="1" applyFont="1" applyBorder="1" applyAlignment="1">
      <alignment vertical="center"/>
    </xf>
    <xf numFmtId="177" fontId="30" fillId="0" borderId="14" xfId="1" applyNumberFormat="1" applyFont="1" applyBorder="1" applyAlignment="1">
      <alignment vertical="center"/>
    </xf>
    <xf numFmtId="3" fontId="30" fillId="0" borderId="14" xfId="1" applyNumberFormat="1" applyFont="1" applyBorder="1" applyAlignment="1">
      <alignment vertical="center"/>
    </xf>
    <xf numFmtId="0" fontId="30" fillId="0" borderId="15" xfId="1" applyFont="1" applyBorder="1" applyAlignment="1">
      <alignment vertical="center"/>
    </xf>
    <xf numFmtId="0" fontId="30" fillId="0" borderId="0" xfId="1" applyFont="1" applyBorder="1" applyAlignment="1">
      <alignment vertical="center"/>
    </xf>
    <xf numFmtId="0" fontId="30" fillId="0" borderId="16" xfId="1" applyFont="1" applyBorder="1" applyAlignment="1">
      <alignment vertical="center"/>
    </xf>
    <xf numFmtId="0" fontId="30" fillId="0" borderId="17" xfId="1" applyFont="1" applyBorder="1" applyAlignment="1">
      <alignment vertical="center"/>
    </xf>
    <xf numFmtId="0" fontId="30" fillId="0" borderId="18" xfId="1" applyFont="1" applyBorder="1" applyAlignment="1">
      <alignment vertical="center"/>
    </xf>
    <xf numFmtId="177" fontId="30" fillId="0" borderId="18" xfId="1" applyNumberFormat="1" applyFont="1" applyBorder="1" applyAlignment="1">
      <alignment vertical="center"/>
    </xf>
    <xf numFmtId="3" fontId="30" fillId="0" borderId="18" xfId="1" applyNumberFormat="1" applyFont="1" applyBorder="1" applyAlignment="1">
      <alignment vertical="center"/>
    </xf>
    <xf numFmtId="0" fontId="30" fillId="0" borderId="19" xfId="1" applyFont="1" applyBorder="1" applyAlignment="1">
      <alignment vertical="center"/>
    </xf>
    <xf numFmtId="0" fontId="30" fillId="0" borderId="20" xfId="1" applyFont="1" applyBorder="1" applyAlignment="1">
      <alignment vertical="center"/>
    </xf>
    <xf numFmtId="0" fontId="30" fillId="0" borderId="14" xfId="1" applyFont="1" applyBorder="1" applyAlignment="1">
      <alignment horizontal="center" vertical="center"/>
    </xf>
    <xf numFmtId="0" fontId="30" fillId="0" borderId="18" xfId="1" applyFont="1" applyBorder="1" applyAlignment="1">
      <alignment horizontal="center" vertical="center"/>
    </xf>
    <xf numFmtId="9" fontId="30" fillId="0" borderId="19" xfId="2" applyFont="1" applyBorder="1" applyAlignment="1">
      <alignment vertical="center"/>
    </xf>
    <xf numFmtId="9" fontId="30" fillId="0" borderId="19" xfId="1" applyNumberFormat="1" applyFont="1" applyBorder="1" applyAlignment="1">
      <alignment vertical="center"/>
    </xf>
    <xf numFmtId="0" fontId="30" fillId="0" borderId="8" xfId="1" applyFont="1" applyBorder="1" applyAlignment="1">
      <alignment vertical="center"/>
    </xf>
    <xf numFmtId="0" fontId="30" fillId="0" borderId="9" xfId="1" applyFont="1" applyBorder="1" applyAlignment="1">
      <alignment vertical="center"/>
    </xf>
    <xf numFmtId="177" fontId="30" fillId="0" borderId="9" xfId="1" applyNumberFormat="1" applyFont="1" applyBorder="1" applyAlignment="1">
      <alignment vertical="center"/>
    </xf>
    <xf numFmtId="3" fontId="30" fillId="0" borderId="9" xfId="1" applyNumberFormat="1" applyFont="1" applyBorder="1" applyAlignment="1">
      <alignment vertical="center"/>
    </xf>
    <xf numFmtId="0" fontId="30" fillId="0" borderId="10" xfId="1" applyFont="1" applyBorder="1" applyAlignment="1">
      <alignment vertical="center"/>
    </xf>
    <xf numFmtId="0" fontId="30" fillId="0" borderId="11" xfId="1" applyFont="1" applyBorder="1" applyAlignment="1">
      <alignment vertical="center"/>
    </xf>
    <xf numFmtId="0" fontId="30" fillId="0" borderId="12" xfId="1" applyFont="1" applyBorder="1" applyAlignment="1">
      <alignment vertical="center"/>
    </xf>
    <xf numFmtId="0" fontId="6" fillId="0" borderId="3" xfId="4" applyFont="1" applyFill="1" applyBorder="1" applyAlignment="1">
      <alignment horizontal="center" vertical="center"/>
    </xf>
    <xf numFmtId="0" fontId="6" fillId="0" borderId="50" xfId="4" applyFont="1" applyFill="1" applyBorder="1" applyAlignment="1">
      <alignment horizontal="left" vertical="center"/>
    </xf>
    <xf numFmtId="0" fontId="6" fillId="0" borderId="4" xfId="4" applyFont="1" applyFill="1" applyBorder="1"/>
    <xf numFmtId="0" fontId="6" fillId="0" borderId="4" xfId="4" applyFont="1" applyFill="1" applyBorder="1" applyAlignment="1">
      <alignment horizontal="center"/>
    </xf>
    <xf numFmtId="0" fontId="6" fillId="0" borderId="4" xfId="3" applyNumberFormat="1" applyFont="1" applyFill="1" applyBorder="1" applyAlignment="1">
      <alignment horizontal="right" indent="1"/>
    </xf>
    <xf numFmtId="0" fontId="6" fillId="0" borderId="39" xfId="4" applyFont="1" applyFill="1" applyBorder="1"/>
    <xf numFmtId="0" fontId="6" fillId="0" borderId="0" xfId="4" applyFont="1" applyFill="1"/>
    <xf numFmtId="0" fontId="6" fillId="0" borderId="51" xfId="4" applyFont="1" applyFill="1" applyBorder="1" applyAlignment="1">
      <alignment horizontal="center" vertical="center"/>
    </xf>
    <xf numFmtId="0" fontId="6" fillId="0" borderId="52" xfId="4" applyFont="1" applyFill="1" applyBorder="1" applyAlignment="1">
      <alignment horizontal="center" vertical="center"/>
    </xf>
    <xf numFmtId="0" fontId="6" fillId="0" borderId="53" xfId="4" applyFont="1" applyFill="1" applyBorder="1" applyAlignment="1">
      <alignment horizontal="center" vertical="center"/>
    </xf>
    <xf numFmtId="0" fontId="6" fillId="0" borderId="53" xfId="3" applyNumberFormat="1" applyFont="1" applyFill="1" applyBorder="1" applyAlignment="1">
      <alignment horizontal="right" indent="1"/>
    </xf>
    <xf numFmtId="0" fontId="6" fillId="0" borderId="54" xfId="4" applyFont="1" applyFill="1" applyBorder="1" applyAlignment="1">
      <alignment horizontal="center" vertical="center"/>
    </xf>
    <xf numFmtId="0" fontId="9" fillId="0" borderId="13" xfId="4" applyFont="1" applyFill="1" applyBorder="1" applyAlignment="1">
      <alignment horizontal="center"/>
    </xf>
    <xf numFmtId="0" fontId="58" fillId="0" borderId="24" xfId="4" applyFont="1" applyFill="1" applyBorder="1" applyAlignment="1">
      <alignment horizontal="left"/>
    </xf>
    <xf numFmtId="0" fontId="9" fillId="0" borderId="14" xfId="4" applyFont="1" applyFill="1" applyBorder="1"/>
    <xf numFmtId="0" fontId="9" fillId="0" borderId="14" xfId="4" applyFont="1" applyFill="1" applyBorder="1" applyAlignment="1">
      <alignment horizontal="center"/>
    </xf>
    <xf numFmtId="0" fontId="9" fillId="0" borderId="14" xfId="3" applyNumberFormat="1" applyFont="1" applyFill="1" applyBorder="1" applyAlignment="1">
      <alignment horizontal="right" indent="1"/>
    </xf>
    <xf numFmtId="0" fontId="9" fillId="0" borderId="41" xfId="4" applyFont="1" applyFill="1" applyBorder="1"/>
    <xf numFmtId="0" fontId="9" fillId="0" borderId="24" xfId="4" applyFont="1" applyFill="1" applyBorder="1" applyAlignment="1">
      <alignment horizontal="left"/>
    </xf>
    <xf numFmtId="0" fontId="9" fillId="0" borderId="26" xfId="4" applyFont="1" applyFill="1" applyBorder="1" applyAlignment="1">
      <alignment horizontal="left"/>
    </xf>
    <xf numFmtId="0" fontId="9" fillId="0" borderId="25" xfId="4" applyFont="1" applyFill="1" applyBorder="1"/>
    <xf numFmtId="0" fontId="9" fillId="0" borderId="25" xfId="4" applyFont="1" applyFill="1" applyBorder="1" applyAlignment="1">
      <alignment horizontal="center"/>
    </xf>
    <xf numFmtId="0" fontId="9" fillId="0" borderId="25" xfId="3" applyNumberFormat="1" applyFont="1" applyFill="1" applyBorder="1" applyAlignment="1">
      <alignment horizontal="right" indent="1"/>
    </xf>
    <xf numFmtId="0" fontId="9" fillId="0" borderId="55" xfId="4" applyFont="1" applyFill="1" applyBorder="1"/>
    <xf numFmtId="190" fontId="9" fillId="0" borderId="18" xfId="4" applyNumberFormat="1" applyFont="1" applyFill="1" applyBorder="1" applyAlignment="1">
      <alignment horizontal="right" vertical="center"/>
    </xf>
    <xf numFmtId="0" fontId="9" fillId="0" borderId="18" xfId="4" applyFont="1" applyFill="1" applyBorder="1" applyAlignment="1">
      <alignment horizontal="center"/>
    </xf>
    <xf numFmtId="0" fontId="9" fillId="0" borderId="18" xfId="3" applyNumberFormat="1" applyFont="1" applyFill="1" applyBorder="1" applyAlignment="1">
      <alignment horizontal="right" indent="1"/>
    </xf>
    <xf numFmtId="0" fontId="9" fillId="0" borderId="18" xfId="4" applyFont="1" applyFill="1" applyBorder="1"/>
    <xf numFmtId="0" fontId="9" fillId="0" borderId="27" xfId="4" applyFont="1" applyFill="1" applyBorder="1"/>
    <xf numFmtId="190" fontId="9" fillId="0" borderId="25" xfId="4" applyNumberFormat="1" applyFont="1" applyFill="1" applyBorder="1" applyAlignment="1">
      <alignment horizontal="right"/>
    </xf>
    <xf numFmtId="176" fontId="9" fillId="0" borderId="25" xfId="4" applyNumberFormat="1" applyFont="1" applyFill="1" applyBorder="1" applyAlignment="1">
      <alignment horizontal="right"/>
    </xf>
    <xf numFmtId="190" fontId="9" fillId="0" borderId="18" xfId="4" applyNumberFormat="1" applyFont="1" applyFill="1" applyBorder="1" applyAlignment="1">
      <alignment horizontal="right"/>
    </xf>
    <xf numFmtId="176" fontId="9" fillId="0" borderId="18" xfId="4" applyNumberFormat="1" applyFont="1" applyFill="1" applyBorder="1" applyAlignment="1">
      <alignment horizontal="right"/>
    </xf>
    <xf numFmtId="38" fontId="9" fillId="0" borderId="27" xfId="4" applyNumberFormat="1" applyFont="1" applyFill="1" applyBorder="1"/>
    <xf numFmtId="0" fontId="9" fillId="0" borderId="23" xfId="4" applyFont="1" applyFill="1" applyBorder="1" applyAlignment="1">
      <alignment horizontal="left"/>
    </xf>
    <xf numFmtId="0" fontId="9" fillId="0" borderId="23" xfId="4" applyFont="1" applyFill="1" applyBorder="1" applyAlignment="1">
      <alignment horizontal="center"/>
    </xf>
    <xf numFmtId="10" fontId="9" fillId="0" borderId="27" xfId="2" applyNumberFormat="1" applyFont="1" applyFill="1" applyBorder="1" applyAlignment="1">
      <alignment horizontal="left"/>
    </xf>
    <xf numFmtId="0" fontId="9" fillId="0" borderId="25" xfId="4" applyFont="1" applyFill="1" applyBorder="1" applyAlignment="1">
      <alignment horizontal="left"/>
    </xf>
    <xf numFmtId="0" fontId="9" fillId="0" borderId="25" xfId="4" applyFont="1" applyFill="1" applyBorder="1" applyAlignment="1"/>
    <xf numFmtId="0" fontId="9" fillId="0" borderId="25" xfId="4" applyNumberFormat="1" applyFont="1" applyFill="1" applyBorder="1" applyAlignment="1">
      <alignment horizontal="right" indent="1"/>
    </xf>
    <xf numFmtId="190" fontId="9" fillId="0" borderId="25" xfId="4" applyNumberFormat="1" applyFont="1" applyFill="1" applyBorder="1"/>
    <xf numFmtId="176" fontId="9" fillId="0" borderId="55" xfId="4" applyNumberFormat="1" applyFont="1" applyFill="1" applyBorder="1" applyAlignment="1"/>
    <xf numFmtId="0" fontId="9" fillId="0" borderId="18" xfId="4" applyFont="1" applyFill="1" applyBorder="1" applyAlignment="1"/>
    <xf numFmtId="0" fontId="9" fillId="0" borderId="18" xfId="4" applyNumberFormat="1" applyFont="1" applyFill="1" applyBorder="1" applyAlignment="1">
      <alignment horizontal="right" indent="1"/>
    </xf>
    <xf numFmtId="190" fontId="9" fillId="0" borderId="18" xfId="4" applyNumberFormat="1" applyFont="1" applyFill="1" applyBorder="1"/>
    <xf numFmtId="0" fontId="9" fillId="0" borderId="55" xfId="4" applyFont="1" applyFill="1" applyBorder="1" applyAlignment="1"/>
    <xf numFmtId="0" fontId="9" fillId="0" borderId="18" xfId="4" applyFont="1" applyFill="1" applyBorder="1" applyAlignment="1">
      <alignment horizontal="left"/>
    </xf>
    <xf numFmtId="9" fontId="9" fillId="0" borderId="27" xfId="4" applyNumberFormat="1" applyFont="1" applyFill="1" applyBorder="1" applyAlignment="1">
      <alignment horizontal="left"/>
    </xf>
    <xf numFmtId="0" fontId="9" fillId="0" borderId="14" xfId="4" applyFont="1" applyFill="1" applyBorder="1" applyAlignment="1">
      <alignment horizontal="left"/>
    </xf>
    <xf numFmtId="0" fontId="9" fillId="0" borderId="14" xfId="4" applyFont="1" applyFill="1" applyBorder="1" applyAlignment="1"/>
    <xf numFmtId="0" fontId="9" fillId="0" borderId="14" xfId="4" applyNumberFormat="1" applyFont="1" applyFill="1" applyBorder="1" applyAlignment="1">
      <alignment horizontal="right" indent="1"/>
    </xf>
    <xf numFmtId="190" fontId="9" fillId="0" borderId="14" xfId="4" applyNumberFormat="1" applyFont="1" applyFill="1" applyBorder="1"/>
    <xf numFmtId="0" fontId="9" fillId="0" borderId="41" xfId="4" applyFont="1" applyFill="1" applyBorder="1" applyAlignment="1"/>
    <xf numFmtId="0" fontId="9" fillId="0" borderId="8" xfId="4" applyFont="1" applyFill="1" applyBorder="1" applyAlignment="1">
      <alignment horizontal="center"/>
    </xf>
    <xf numFmtId="0" fontId="9" fillId="0" borderId="9" xfId="4" applyFont="1" applyFill="1" applyBorder="1" applyAlignment="1">
      <alignment horizontal="center"/>
    </xf>
    <xf numFmtId="0" fontId="9" fillId="0" borderId="9" xfId="4" applyFont="1" applyFill="1" applyBorder="1" applyAlignment="1"/>
    <xf numFmtId="0" fontId="9" fillId="0" borderId="9" xfId="4" applyNumberFormat="1" applyFont="1" applyFill="1" applyBorder="1" applyAlignment="1">
      <alignment horizontal="right" indent="1"/>
    </xf>
    <xf numFmtId="190" fontId="9" fillId="0" borderId="9" xfId="4" applyNumberFormat="1" applyFont="1" applyFill="1" applyBorder="1"/>
    <xf numFmtId="0" fontId="9" fillId="0" borderId="40" xfId="4" applyFont="1" applyFill="1" applyBorder="1" applyAlignment="1"/>
    <xf numFmtId="38" fontId="9" fillId="0" borderId="27" xfId="3" applyFont="1" applyFill="1" applyBorder="1"/>
    <xf numFmtId="190" fontId="9" fillId="0" borderId="14" xfId="4" applyNumberFormat="1" applyFont="1" applyFill="1" applyBorder="1" applyAlignment="1">
      <alignment horizontal="right"/>
    </xf>
    <xf numFmtId="176" fontId="9" fillId="0" borderId="14" xfId="4" applyNumberFormat="1" applyFont="1" applyFill="1" applyBorder="1" applyAlignment="1">
      <alignment horizontal="right"/>
    </xf>
    <xf numFmtId="0" fontId="6" fillId="0" borderId="0" xfId="4" applyFont="1" applyFill="1" applyAlignment="1">
      <alignment horizontal="center"/>
    </xf>
    <xf numFmtId="0" fontId="6" fillId="0" borderId="0" xfId="4" applyFont="1" applyFill="1" applyAlignment="1">
      <alignment horizontal="left"/>
    </xf>
    <xf numFmtId="0" fontId="6" fillId="0" borderId="0" xfId="3" applyNumberFormat="1" applyFont="1" applyFill="1" applyAlignment="1">
      <alignment horizontal="right" indent="1"/>
    </xf>
    <xf numFmtId="0" fontId="30" fillId="0" borderId="13" xfId="167" applyFont="1" applyBorder="1" applyAlignment="1">
      <alignment vertical="center"/>
    </xf>
    <xf numFmtId="0" fontId="30" fillId="0" borderId="14" xfId="167" applyFont="1" applyBorder="1" applyAlignment="1">
      <alignment vertical="center"/>
    </xf>
    <xf numFmtId="177" fontId="30" fillId="0" borderId="14" xfId="167" applyNumberFormat="1" applyFont="1" applyBorder="1" applyAlignment="1">
      <alignment vertical="center"/>
    </xf>
    <xf numFmtId="0" fontId="30" fillId="0" borderId="17" xfId="167" applyFont="1" applyBorder="1" applyAlignment="1">
      <alignment vertical="center"/>
    </xf>
    <xf numFmtId="0" fontId="30" fillId="0" borderId="18" xfId="167" applyFont="1" applyBorder="1" applyAlignment="1">
      <alignment vertical="center"/>
    </xf>
    <xf numFmtId="0" fontId="30" fillId="0" borderId="18" xfId="167" applyFont="1" applyBorder="1" applyAlignment="1">
      <alignment horizontal="center" vertical="center"/>
    </xf>
    <xf numFmtId="177" fontId="30" fillId="0" borderId="18" xfId="167" applyNumberFormat="1" applyFont="1" applyBorder="1" applyAlignment="1">
      <alignment vertical="center"/>
    </xf>
    <xf numFmtId="0" fontId="30" fillId="0" borderId="9" xfId="167" applyFont="1" applyBorder="1" applyAlignment="1">
      <alignment vertical="center"/>
    </xf>
    <xf numFmtId="0" fontId="30" fillId="0" borderId="10" xfId="167" applyFont="1" applyBorder="1" applyAlignment="1">
      <alignment vertical="center"/>
    </xf>
    <xf numFmtId="0" fontId="30" fillId="0" borderId="11" xfId="167" applyFont="1" applyBorder="1" applyAlignment="1">
      <alignment vertical="center"/>
    </xf>
    <xf numFmtId="0" fontId="30" fillId="0" borderId="0" xfId="1" applyNumberFormat="1" applyFont="1" applyBorder="1" applyAlignment="1">
      <alignment vertical="center"/>
    </xf>
    <xf numFmtId="3" fontId="30" fillId="0" borderId="18" xfId="167" applyNumberFormat="1" applyFont="1" applyBorder="1" applyAlignment="1">
      <alignment vertical="center"/>
    </xf>
    <xf numFmtId="0" fontId="30" fillId="0" borderId="19" xfId="167" applyFont="1" applyBorder="1" applyAlignment="1">
      <alignment vertical="center"/>
    </xf>
    <xf numFmtId="0" fontId="30" fillId="0" borderId="21" xfId="167" applyFont="1" applyBorder="1" applyAlignment="1">
      <alignment vertical="center"/>
    </xf>
    <xf numFmtId="0" fontId="30" fillId="0" borderId="8" xfId="167" applyFont="1" applyBorder="1" applyAlignment="1">
      <alignment vertical="center"/>
    </xf>
    <xf numFmtId="177" fontId="30" fillId="0" borderId="9" xfId="167" applyNumberFormat="1" applyFont="1" applyBorder="1" applyAlignment="1">
      <alignment vertical="center"/>
    </xf>
    <xf numFmtId="3" fontId="30" fillId="0" borderId="12" xfId="167" applyNumberFormat="1" applyFont="1" applyBorder="1" applyAlignment="1">
      <alignment vertical="center"/>
    </xf>
    <xf numFmtId="3" fontId="30" fillId="0" borderId="9" xfId="167" applyNumberFormat="1" applyFont="1" applyBorder="1" applyAlignment="1">
      <alignment vertical="center"/>
    </xf>
    <xf numFmtId="0" fontId="30" fillId="0" borderId="20" xfId="167" applyFont="1" applyBorder="1" applyAlignment="1">
      <alignment vertical="center"/>
    </xf>
    <xf numFmtId="0" fontId="30" fillId="0" borderId="15" xfId="167" applyFont="1" applyBorder="1" applyAlignment="1">
      <alignment vertical="center"/>
    </xf>
    <xf numFmtId="0" fontId="30" fillId="0" borderId="16" xfId="167" applyFont="1" applyBorder="1" applyAlignment="1">
      <alignment vertical="center"/>
    </xf>
    <xf numFmtId="3" fontId="30" fillId="0" borderId="14" xfId="167" applyNumberFormat="1" applyFont="1" applyBorder="1" applyAlignment="1">
      <alignment vertical="center"/>
    </xf>
    <xf numFmtId="0" fontId="30" fillId="0" borderId="0" xfId="167" applyFont="1" applyBorder="1" applyAlignment="1">
      <alignment vertical="center"/>
    </xf>
    <xf numFmtId="176" fontId="9" fillId="0" borderId="27" xfId="4" applyNumberFormat="1" applyFont="1" applyFill="1" applyBorder="1" applyAlignment="1"/>
    <xf numFmtId="0" fontId="9" fillId="0" borderId="3" xfId="4" applyFont="1" applyFill="1" applyBorder="1" applyAlignment="1">
      <alignment horizontal="center"/>
    </xf>
    <xf numFmtId="0" fontId="58" fillId="0" borderId="50" xfId="4" applyFont="1" applyFill="1" applyBorder="1" applyAlignment="1">
      <alignment horizontal="left"/>
    </xf>
    <xf numFmtId="0" fontId="9" fillId="0" borderId="4" xfId="4" applyFont="1" applyFill="1" applyBorder="1"/>
    <xf numFmtId="0" fontId="9" fillId="0" borderId="4" xfId="4" applyFont="1" applyFill="1" applyBorder="1" applyAlignment="1">
      <alignment horizontal="center"/>
    </xf>
    <xf numFmtId="0" fontId="9" fillId="0" borderId="4" xfId="3" applyNumberFormat="1" applyFont="1" applyFill="1" applyBorder="1" applyAlignment="1">
      <alignment horizontal="right" indent="1"/>
    </xf>
    <xf numFmtId="0" fontId="9" fillId="0" borderId="39" xfId="4" applyFont="1" applyFill="1" applyBorder="1"/>
    <xf numFmtId="0" fontId="9" fillId="0" borderId="26" xfId="4" applyFont="1" applyFill="1" applyBorder="1" applyAlignment="1">
      <alignment horizontal="left" indent="1"/>
    </xf>
    <xf numFmtId="0" fontId="9" fillId="0" borderId="24" xfId="4" applyFont="1" applyFill="1" applyBorder="1" applyAlignment="1">
      <alignment horizontal="left" indent="1"/>
    </xf>
    <xf numFmtId="0" fontId="9" fillId="0" borderId="23" xfId="4" applyFont="1" applyFill="1" applyBorder="1" applyAlignment="1">
      <alignment horizontal="left" indent="1"/>
    </xf>
    <xf numFmtId="0" fontId="30" fillId="0" borderId="21" xfId="1" applyFont="1" applyBorder="1" applyAlignment="1">
      <alignment vertical="center"/>
    </xf>
    <xf numFmtId="9" fontId="31" fillId="0" borderId="19" xfId="1" applyNumberFormat="1" applyFont="1" applyBorder="1" applyAlignment="1">
      <alignment vertical="top"/>
    </xf>
    <xf numFmtId="9" fontId="31" fillId="0" borderId="19" xfId="2" applyFont="1" applyBorder="1" applyAlignment="1">
      <alignment vertical="top"/>
    </xf>
    <xf numFmtId="3" fontId="31" fillId="0" borderId="21" xfId="1" applyNumberFormat="1" applyFont="1" applyBorder="1" applyAlignment="1">
      <alignment vertical="top"/>
    </xf>
    <xf numFmtId="10" fontId="31" fillId="0" borderId="19" xfId="1" applyNumberFormat="1" applyFont="1" applyBorder="1" applyAlignment="1">
      <alignment vertical="top"/>
    </xf>
    <xf numFmtId="10" fontId="31" fillId="0" borderId="19" xfId="1" applyNumberFormat="1" applyFont="1" applyBorder="1" applyAlignment="1">
      <alignment vertical="top" shrinkToFit="1"/>
    </xf>
    <xf numFmtId="3" fontId="30" fillId="0" borderId="21" xfId="1" applyNumberFormat="1" applyFont="1" applyBorder="1" applyAlignment="1">
      <alignment vertical="center"/>
    </xf>
    <xf numFmtId="10" fontId="30" fillId="0" borderId="19" xfId="1" applyNumberFormat="1" applyFont="1" applyBorder="1" applyAlignment="1">
      <alignment vertical="center"/>
    </xf>
    <xf numFmtId="195" fontId="30" fillId="0" borderId="19" xfId="1" applyNumberFormat="1" applyFont="1" applyBorder="1" applyAlignment="1">
      <alignment vertical="center"/>
    </xf>
    <xf numFmtId="38" fontId="30" fillId="0" borderId="21" xfId="167" applyNumberFormat="1" applyFont="1" applyBorder="1" applyAlignment="1">
      <alignment vertical="center"/>
    </xf>
    <xf numFmtId="0" fontId="30" fillId="0" borderId="10" xfId="1" applyFont="1" applyBorder="1" applyAlignment="1">
      <alignment horizontal="center" vertical="center"/>
    </xf>
    <xf numFmtId="0" fontId="30" fillId="0" borderId="11" xfId="1" applyFont="1" applyBorder="1" applyAlignment="1">
      <alignment horizontal="center" vertical="center"/>
    </xf>
    <xf numFmtId="0" fontId="30" fillId="0" borderId="12" xfId="1" applyFont="1" applyBorder="1" applyAlignment="1">
      <alignment horizontal="center" vertical="center"/>
    </xf>
    <xf numFmtId="3" fontId="30" fillId="0" borderId="20" xfId="1" applyNumberFormat="1" applyFont="1" applyBorder="1" applyAlignment="1">
      <alignment vertical="center"/>
    </xf>
    <xf numFmtId="0" fontId="30" fillId="0" borderId="21" xfId="1" applyFont="1" applyBorder="1" applyAlignment="1">
      <alignment vertical="center"/>
    </xf>
    <xf numFmtId="0" fontId="30" fillId="0" borderId="10" xfId="1" applyFont="1" applyBorder="1" applyAlignment="1">
      <alignment horizontal="center" vertical="top"/>
    </xf>
    <xf numFmtId="0" fontId="31" fillId="0" borderId="11" xfId="1" applyFont="1" applyBorder="1" applyAlignment="1">
      <alignment horizontal="center" vertical="top"/>
    </xf>
    <xf numFmtId="0" fontId="31" fillId="0" borderId="12" xfId="1" applyFont="1" applyBorder="1" applyAlignment="1">
      <alignment horizontal="center" vertical="top"/>
    </xf>
  </cellXfs>
  <cellStyles count="169">
    <cellStyle name="æØè [0.00]" xfId="6"/>
    <cellStyle name="æØè [0.00] 2" xfId="158"/>
    <cellStyle name="ÊÝ [0.00]" xfId="7"/>
    <cellStyle name="ÊÝ [0.00] 2" xfId="159"/>
    <cellStyle name="0" xfId="57"/>
    <cellStyle name="１" xfId="58"/>
    <cellStyle name="１０スタイル" xfId="59"/>
    <cellStyle name="121" xfId="8"/>
    <cellStyle name="20% - アクセント 1 2" xfId="60"/>
    <cellStyle name="20% - アクセント 2 2" xfId="61"/>
    <cellStyle name="20% - アクセント 3 2" xfId="62"/>
    <cellStyle name="20% - アクセント 4 2" xfId="63"/>
    <cellStyle name="20% - アクセント 6 2" xfId="64"/>
    <cellStyle name="40% - アクセント 1 2" xfId="65"/>
    <cellStyle name="40% - アクセント 3 2" xfId="66"/>
    <cellStyle name="40% - アクセント 4 2" xfId="67"/>
    <cellStyle name="40% - アクセント 5 2" xfId="68"/>
    <cellStyle name="40% - アクセント 6 2" xfId="69"/>
    <cellStyle name="60% - アクセント 1 2" xfId="70"/>
    <cellStyle name="60% - アクセント 2 2" xfId="71"/>
    <cellStyle name="60% - アクセント 3 2" xfId="72"/>
    <cellStyle name="60% - アクセント 4 2" xfId="73"/>
    <cellStyle name="60% - アクセント 5 2" xfId="74"/>
    <cellStyle name="60% - アクセント 6 2" xfId="75"/>
    <cellStyle name="Arial 10" xfId="147"/>
    <cellStyle name="Arial 12" xfId="148"/>
    <cellStyle name="Arial 8" xfId="149"/>
    <cellStyle name="Calc Currency (0)" xfId="9"/>
    <cellStyle name="Calc Currency (0) 2" xfId="76"/>
    <cellStyle name="Calc Currency (0) 3" xfId="160"/>
    <cellStyle name="Calc Currency (0)_140424_羽津ポンプ場設計書（鋼製加工品のみとする）" xfId="150"/>
    <cellStyle name="Comma [0]_laroux" xfId="77"/>
    <cellStyle name="Comma_laroux" xfId="78"/>
    <cellStyle name="COMP定番表書式" xfId="151"/>
    <cellStyle name="Currency [0]_laroux" xfId="79"/>
    <cellStyle name="Currency_laroux" xfId="80"/>
    <cellStyle name="entry" xfId="10"/>
    <cellStyle name="Grey" xfId="11"/>
    <cellStyle name="Header1" xfId="12"/>
    <cellStyle name="Header2" xfId="13"/>
    <cellStyle name="Input [yellow]" xfId="14"/>
    <cellStyle name="ＭＳゴシック　10" xfId="152"/>
    <cellStyle name="ＭＳゴシック 12" xfId="153"/>
    <cellStyle name="Normal - Style1" xfId="15"/>
    <cellStyle name="Normal - Style1 2" xfId="161"/>
    <cellStyle name="Normal_#18-Internet" xfId="16"/>
    <cellStyle name="ORG" xfId="81"/>
    <cellStyle name="Percent [2]" xfId="17"/>
    <cellStyle name="price" xfId="18"/>
    <cellStyle name="PSChar" xfId="19"/>
    <cellStyle name="PSHeading" xfId="20"/>
    <cellStyle name="revised" xfId="21"/>
    <cellStyle name="sc5" xfId="22"/>
    <cellStyle name="sc7" xfId="23"/>
    <cellStyle name="section" xfId="24"/>
    <cellStyle name="Standard_COST INPUT SHEET" xfId="25"/>
    <cellStyle name="STYL0 - スタイル1" xfId="82"/>
    <cellStyle name="STYL1 - スタイル2" xfId="83"/>
    <cellStyle name="STYL2 - スタイル3" xfId="84"/>
    <cellStyle name="STYL3 - スタイル4" xfId="85"/>
    <cellStyle name="STYL4 - スタイル5" xfId="86"/>
    <cellStyle name="STYL5 - スタイル6" xfId="87"/>
    <cellStyle name="STYL6 - スタイル7" xfId="88"/>
    <cellStyle name="STYL7 - スタイル8" xfId="89"/>
    <cellStyle name="subhead" xfId="26"/>
    <cellStyle name="SYUUKEI" xfId="90"/>
    <cellStyle name="title" xfId="27"/>
    <cellStyle name="アクセント 1 2" xfId="91"/>
    <cellStyle name="アクセント 2 2" xfId="92"/>
    <cellStyle name="アクセント 3 2" xfId="93"/>
    <cellStyle name="アクセント 4 2" xfId="94"/>
    <cellStyle name="アクセント 6 2" xfId="95"/>
    <cellStyle name="タイトル 2" xfId="96"/>
    <cellStyle name="どちらでもない 2" xfId="97"/>
    <cellStyle name="パーセント 2" xfId="2"/>
    <cellStyle name="パーセント 3" xfId="98"/>
    <cellStyle name="パーセント 4" xfId="99"/>
    <cellStyle name="ﾌｫﾝﾄ変更" xfId="28"/>
    <cellStyle name="メモ 2" xfId="100"/>
    <cellStyle name="リンク" xfId="154"/>
    <cellStyle name="リンク セル 2" xfId="101"/>
    <cellStyle name="悪い 2" xfId="102"/>
    <cellStyle name="下段_0" xfId="29"/>
    <cellStyle name="会社名" xfId="30"/>
    <cellStyle name="強調" xfId="155"/>
    <cellStyle name="金額" xfId="31"/>
    <cellStyle name="計算 2" xfId="103"/>
    <cellStyle name="桁蟻唇Ｆ [0.00]_laroux" xfId="104"/>
    <cellStyle name="桁蟻唇Ｆ_laroux" xfId="105"/>
    <cellStyle name="桁区切り [0.0]" xfId="32"/>
    <cellStyle name="桁区切り 2" xfId="3"/>
    <cellStyle name="桁区切り 2 2" xfId="33"/>
    <cellStyle name="桁区切り 2 2 2" xfId="106"/>
    <cellStyle name="桁区切り 2 3" xfId="107"/>
    <cellStyle name="桁区切り 3" xfId="108"/>
    <cellStyle name="桁区切り 3 2" xfId="162"/>
    <cellStyle name="桁区切り 4" xfId="109"/>
    <cellStyle name="桁区切り 4 2" xfId="166"/>
    <cellStyle name="桁区切り（０なし）" xfId="34"/>
    <cellStyle name="桁区切り（０なし） 2" xfId="163"/>
    <cellStyle name="見出し" xfId="110"/>
    <cellStyle name="見出し 1 2" xfId="111"/>
    <cellStyle name="見出し 2 2" xfId="112"/>
    <cellStyle name="見出し 3 2" xfId="113"/>
    <cellStyle name="見出し 4 2" xfId="114"/>
    <cellStyle name="見積桁区切り" xfId="35"/>
    <cellStyle name="見積-桁区切り" xfId="36"/>
    <cellStyle name="見積-通貨記号" xfId="37"/>
    <cellStyle name="個" xfId="115"/>
    <cellStyle name="個_仕切弁きょう" xfId="116"/>
    <cellStyle name="個_仕切弁きょう(千本)" xfId="117"/>
    <cellStyle name="個_仕切弁きょう静市" xfId="118"/>
    <cellStyle name="個_仕切弁きょう堀川" xfId="119"/>
    <cellStyle name="個_支給材料東半木町" xfId="120"/>
    <cellStyle name="個_数量" xfId="121"/>
    <cellStyle name="個_数量(一乗寺)" xfId="122"/>
    <cellStyle name="個_数量(吉田)" xfId="123"/>
    <cellStyle name="個_数量(四条大宮)" xfId="124"/>
    <cellStyle name="個_数量1" xfId="125"/>
    <cellStyle name="個_数量2" xfId="126"/>
    <cellStyle name="個_数量蹴上(修正後)" xfId="127"/>
    <cellStyle name="工期算定表" xfId="38"/>
    <cellStyle name="左官" xfId="128"/>
    <cellStyle name="集計 2" xfId="129"/>
    <cellStyle name="出力 2" xfId="130"/>
    <cellStyle name="上段_0" xfId="39"/>
    <cellStyle name="数量" xfId="40"/>
    <cellStyle name="数量計算" xfId="41"/>
    <cellStyle name="数量計算 2" xfId="131"/>
    <cellStyle name="積算" xfId="132"/>
    <cellStyle name="脱浦 [0.00]_１結右" xfId="133"/>
    <cellStyle name="脱浦_１結右" xfId="134"/>
    <cellStyle name="帳票" xfId="42"/>
    <cellStyle name="通貨 2" xfId="135"/>
    <cellStyle name="土木断面" xfId="136"/>
    <cellStyle name="内訳書" xfId="137"/>
    <cellStyle name="日付用" xfId="138"/>
    <cellStyle name="入力 2" xfId="139"/>
    <cellStyle name="破線" xfId="156"/>
    <cellStyle name="標準" xfId="0" builtinId="0"/>
    <cellStyle name="標準 10" xfId="140"/>
    <cellStyle name="標準 11" xfId="141"/>
    <cellStyle name="標準 12" xfId="142"/>
    <cellStyle name="標準 13" xfId="168"/>
    <cellStyle name="標準 2" xfId="1"/>
    <cellStyle name="標準 2 2" xfId="43"/>
    <cellStyle name="標準 2 2 2" xfId="143"/>
    <cellStyle name="標準 2 3" xfId="49"/>
    <cellStyle name="標準 2_■改善版　 日永浄化センター第１系統№2ブロワ分解修繕設計書" xfId="144"/>
    <cellStyle name="標準 3" xfId="5"/>
    <cellStyle name="標準 3 2" xfId="164"/>
    <cellStyle name="標準 4" xfId="50"/>
    <cellStyle name="標準 5" xfId="51"/>
    <cellStyle name="標準 6" xfId="52"/>
    <cellStyle name="標準 7" xfId="53"/>
    <cellStyle name="標準 8" xfId="54"/>
    <cellStyle name="標準 9" xfId="55"/>
    <cellStyle name="標準_電気検算2012" xfId="167"/>
    <cellStyle name="標準_用紙" xfId="4"/>
    <cellStyle name="標準２" xfId="44"/>
    <cellStyle name="標準A" xfId="45"/>
    <cellStyle name="標準Ａ" xfId="46"/>
    <cellStyle name="標準戻し" xfId="157"/>
    <cellStyle name="表紙" xfId="47"/>
    <cellStyle name="別紙明細" xfId="145"/>
    <cellStyle name="未定義" xfId="48"/>
    <cellStyle name="未定義 2" xfId="56"/>
    <cellStyle name="未定義 2 2" xfId="165"/>
    <cellStyle name="良い 2" xfId="14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9.xml"/><Relationship Id="rId18" Type="http://schemas.openxmlformats.org/officeDocument/2006/relationships/externalLink" Target="externalLinks/externalLink14.xml"/><Relationship Id="rId26" Type="http://schemas.openxmlformats.org/officeDocument/2006/relationships/externalLink" Target="externalLinks/externalLink22.xml"/><Relationship Id="rId39" Type="http://schemas.openxmlformats.org/officeDocument/2006/relationships/externalLink" Target="externalLinks/externalLink35.xml"/><Relationship Id="rId21" Type="http://schemas.openxmlformats.org/officeDocument/2006/relationships/externalLink" Target="externalLinks/externalLink17.xml"/><Relationship Id="rId34" Type="http://schemas.openxmlformats.org/officeDocument/2006/relationships/externalLink" Target="externalLinks/externalLink30.xml"/><Relationship Id="rId42" Type="http://schemas.openxmlformats.org/officeDocument/2006/relationships/externalLink" Target="externalLinks/externalLink38.xml"/><Relationship Id="rId47" Type="http://schemas.openxmlformats.org/officeDocument/2006/relationships/externalLink" Target="externalLinks/externalLink43.xml"/><Relationship Id="rId50" Type="http://schemas.openxmlformats.org/officeDocument/2006/relationships/externalLink" Target="externalLinks/externalLink46.xml"/><Relationship Id="rId55" Type="http://schemas.openxmlformats.org/officeDocument/2006/relationships/sharedStrings" Target="sharedStrings.xml"/><Relationship Id="rId7" Type="http://schemas.openxmlformats.org/officeDocument/2006/relationships/externalLink" Target="externalLinks/externalLink3.xml"/><Relationship Id="rId12" Type="http://schemas.openxmlformats.org/officeDocument/2006/relationships/externalLink" Target="externalLinks/externalLink8.xml"/><Relationship Id="rId17" Type="http://schemas.openxmlformats.org/officeDocument/2006/relationships/externalLink" Target="externalLinks/externalLink13.xml"/><Relationship Id="rId25" Type="http://schemas.openxmlformats.org/officeDocument/2006/relationships/externalLink" Target="externalLinks/externalLink21.xml"/><Relationship Id="rId33" Type="http://schemas.openxmlformats.org/officeDocument/2006/relationships/externalLink" Target="externalLinks/externalLink29.xml"/><Relationship Id="rId38" Type="http://schemas.openxmlformats.org/officeDocument/2006/relationships/externalLink" Target="externalLinks/externalLink34.xml"/><Relationship Id="rId46" Type="http://schemas.openxmlformats.org/officeDocument/2006/relationships/externalLink" Target="externalLinks/externalLink42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2.xml"/><Relationship Id="rId20" Type="http://schemas.openxmlformats.org/officeDocument/2006/relationships/externalLink" Target="externalLinks/externalLink16.xml"/><Relationship Id="rId29" Type="http://schemas.openxmlformats.org/officeDocument/2006/relationships/externalLink" Target="externalLinks/externalLink25.xml"/><Relationship Id="rId41" Type="http://schemas.openxmlformats.org/officeDocument/2006/relationships/externalLink" Target="externalLinks/externalLink37.xml"/><Relationship Id="rId54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externalLink" Target="externalLinks/externalLink7.xml"/><Relationship Id="rId24" Type="http://schemas.openxmlformats.org/officeDocument/2006/relationships/externalLink" Target="externalLinks/externalLink20.xml"/><Relationship Id="rId32" Type="http://schemas.openxmlformats.org/officeDocument/2006/relationships/externalLink" Target="externalLinks/externalLink28.xml"/><Relationship Id="rId37" Type="http://schemas.openxmlformats.org/officeDocument/2006/relationships/externalLink" Target="externalLinks/externalLink33.xml"/><Relationship Id="rId40" Type="http://schemas.openxmlformats.org/officeDocument/2006/relationships/externalLink" Target="externalLinks/externalLink36.xml"/><Relationship Id="rId45" Type="http://schemas.openxmlformats.org/officeDocument/2006/relationships/externalLink" Target="externalLinks/externalLink41.xml"/><Relationship Id="rId53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15" Type="http://schemas.openxmlformats.org/officeDocument/2006/relationships/externalLink" Target="externalLinks/externalLink11.xml"/><Relationship Id="rId23" Type="http://schemas.openxmlformats.org/officeDocument/2006/relationships/externalLink" Target="externalLinks/externalLink19.xml"/><Relationship Id="rId28" Type="http://schemas.openxmlformats.org/officeDocument/2006/relationships/externalLink" Target="externalLinks/externalLink24.xml"/><Relationship Id="rId36" Type="http://schemas.openxmlformats.org/officeDocument/2006/relationships/externalLink" Target="externalLinks/externalLink32.xml"/><Relationship Id="rId49" Type="http://schemas.openxmlformats.org/officeDocument/2006/relationships/externalLink" Target="externalLinks/externalLink45.xml"/><Relationship Id="rId10" Type="http://schemas.openxmlformats.org/officeDocument/2006/relationships/externalLink" Target="externalLinks/externalLink6.xml"/><Relationship Id="rId19" Type="http://schemas.openxmlformats.org/officeDocument/2006/relationships/externalLink" Target="externalLinks/externalLink15.xml"/><Relationship Id="rId31" Type="http://schemas.openxmlformats.org/officeDocument/2006/relationships/externalLink" Target="externalLinks/externalLink27.xml"/><Relationship Id="rId44" Type="http://schemas.openxmlformats.org/officeDocument/2006/relationships/externalLink" Target="externalLinks/externalLink40.xml"/><Relationship Id="rId52" Type="http://schemas.openxmlformats.org/officeDocument/2006/relationships/externalLink" Target="externalLinks/externalLink48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4" Type="http://schemas.openxmlformats.org/officeDocument/2006/relationships/externalLink" Target="externalLinks/externalLink10.xml"/><Relationship Id="rId22" Type="http://schemas.openxmlformats.org/officeDocument/2006/relationships/externalLink" Target="externalLinks/externalLink18.xml"/><Relationship Id="rId27" Type="http://schemas.openxmlformats.org/officeDocument/2006/relationships/externalLink" Target="externalLinks/externalLink23.xml"/><Relationship Id="rId30" Type="http://schemas.openxmlformats.org/officeDocument/2006/relationships/externalLink" Target="externalLinks/externalLink26.xml"/><Relationship Id="rId35" Type="http://schemas.openxmlformats.org/officeDocument/2006/relationships/externalLink" Target="externalLinks/externalLink31.xml"/><Relationship Id="rId43" Type="http://schemas.openxmlformats.org/officeDocument/2006/relationships/externalLink" Target="externalLinks/externalLink39.xml"/><Relationship Id="rId48" Type="http://schemas.openxmlformats.org/officeDocument/2006/relationships/externalLink" Target="externalLinks/externalLink44.xml"/><Relationship Id="rId8" Type="http://schemas.openxmlformats.org/officeDocument/2006/relationships/externalLink" Target="externalLinks/externalLink4.xml"/><Relationship Id="rId51" Type="http://schemas.openxmlformats.org/officeDocument/2006/relationships/externalLink" Target="externalLinks/externalLink47.xml"/><Relationship Id="rId3" Type="http://schemas.openxmlformats.org/officeDocument/2006/relationships/worksheet" Target="worksheets/sheet3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32</xdr:row>
      <xdr:rowOff>0</xdr:rowOff>
    </xdr:from>
    <xdr:to>
      <xdr:col>1</xdr:col>
      <xdr:colOff>9525</xdr:colOff>
      <xdr:row>32</xdr:row>
      <xdr:rowOff>9525</xdr:rowOff>
    </xdr:to>
    <xdr:pic>
      <xdr:nvPicPr>
        <xdr:cNvPr id="2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5" y="6400800"/>
          <a:ext cx="9525" cy="95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0</xdr:colOff>
      <xdr:row>32</xdr:row>
      <xdr:rowOff>0</xdr:rowOff>
    </xdr:from>
    <xdr:to>
      <xdr:col>1</xdr:col>
      <xdr:colOff>9525</xdr:colOff>
      <xdr:row>32</xdr:row>
      <xdr:rowOff>9525</xdr:rowOff>
    </xdr:to>
    <xdr:pic>
      <xdr:nvPicPr>
        <xdr:cNvPr id="3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5" y="6400800"/>
          <a:ext cx="9525" cy="95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0</xdr:colOff>
      <xdr:row>32</xdr:row>
      <xdr:rowOff>0</xdr:rowOff>
    </xdr:from>
    <xdr:to>
      <xdr:col>1</xdr:col>
      <xdr:colOff>9525</xdr:colOff>
      <xdr:row>32</xdr:row>
      <xdr:rowOff>9525</xdr:rowOff>
    </xdr:to>
    <xdr:pic>
      <xdr:nvPicPr>
        <xdr:cNvPr id="4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5" y="6400800"/>
          <a:ext cx="9525" cy="95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0</xdr:colOff>
      <xdr:row>32</xdr:row>
      <xdr:rowOff>0</xdr:rowOff>
    </xdr:from>
    <xdr:to>
      <xdr:col>1</xdr:col>
      <xdr:colOff>9525</xdr:colOff>
      <xdr:row>32</xdr:row>
      <xdr:rowOff>9525</xdr:rowOff>
    </xdr:to>
    <xdr:pic>
      <xdr:nvPicPr>
        <xdr:cNvPr id="5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5" y="6400800"/>
          <a:ext cx="9525" cy="95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0</xdr:colOff>
      <xdr:row>62</xdr:row>
      <xdr:rowOff>0</xdr:rowOff>
    </xdr:from>
    <xdr:to>
      <xdr:col>1</xdr:col>
      <xdr:colOff>9525</xdr:colOff>
      <xdr:row>62</xdr:row>
      <xdr:rowOff>9525</xdr:rowOff>
    </xdr:to>
    <xdr:pic>
      <xdr:nvPicPr>
        <xdr:cNvPr id="6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5" y="12401550"/>
          <a:ext cx="9525" cy="95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0</xdr:colOff>
      <xdr:row>62</xdr:row>
      <xdr:rowOff>0</xdr:rowOff>
    </xdr:from>
    <xdr:to>
      <xdr:col>1</xdr:col>
      <xdr:colOff>9525</xdr:colOff>
      <xdr:row>62</xdr:row>
      <xdr:rowOff>9525</xdr:rowOff>
    </xdr:to>
    <xdr:pic>
      <xdr:nvPicPr>
        <xdr:cNvPr id="7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5" y="12401550"/>
          <a:ext cx="9525" cy="95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0</xdr:colOff>
      <xdr:row>62</xdr:row>
      <xdr:rowOff>0</xdr:rowOff>
    </xdr:from>
    <xdr:to>
      <xdr:col>1</xdr:col>
      <xdr:colOff>9525</xdr:colOff>
      <xdr:row>62</xdr:row>
      <xdr:rowOff>9525</xdr:rowOff>
    </xdr:to>
    <xdr:pic>
      <xdr:nvPicPr>
        <xdr:cNvPr id="8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5" y="12401550"/>
          <a:ext cx="9525" cy="95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0</xdr:colOff>
      <xdr:row>62</xdr:row>
      <xdr:rowOff>0</xdr:rowOff>
    </xdr:from>
    <xdr:to>
      <xdr:col>1</xdr:col>
      <xdr:colOff>9525</xdr:colOff>
      <xdr:row>62</xdr:row>
      <xdr:rowOff>9525</xdr:rowOff>
    </xdr:to>
    <xdr:pic>
      <xdr:nvPicPr>
        <xdr:cNvPr id="9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5" y="12401550"/>
          <a:ext cx="9525" cy="95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Users\i96015\AppData\Local\Temp\notes6030C8\&#37329;&#20837;&#35373;&#35336;&#26360;&#65288;&#20195;&#20385;&#34920;&#12469;&#12531;&#12503;&#12523;&#65289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EXCEL_DAT\&#20869;&#35379;&#35336;&#31639;&#26360;\&#21336;&#20385;&#34920;&#12289;&#25490;&#27700;&#26717;&#20195;&#20385;&#34920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335;&#37096;&#35373;&#3533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069;&#24029;&#24037;&#20107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&#19979;&#27700;&#26045;&#35373;&#35506;\&#19979;&#27700;&#26045;&#35373;&#35506;\&#26441;&#23665;\&#65298;&#65300;&#24180;&#24230;\&#21512;&#27969;&#25913;&#21892;&#28382;&#27700;&#27744;&#38651;&#27671;&#35373;&#20633;&#24037;&#20107;\&#35373;&#35336;&#26360;\&#21512;&#27969;&#25913;&#21892;&#38651;&#27671;&#35373;&#35336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&#27231;&#26800;&#35373;&#20633;&#21336;&#20385;&#34920;\H22&#27231;&#26800;&#21336;&#20385;\C&#34907;&#29983;&#22120;&#20855;&#35373;&#20633;2010&#23436;&#25104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41">
          <cell r="A41" t="str">
            <v>直接仮設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  <row r="3">
          <cell r="AP3" t="str">
            <v>/CA10.aa10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  <sheetName val="設計書入力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  <sheetName val="工事総括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  <sheetData sheetId="3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  <sheetName val="#REF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最低制限価格算出"/>
      <sheetName val="入力表"/>
      <sheetName val="設計書"/>
      <sheetName val="内訳書"/>
      <sheetName val="明細書(1)"/>
      <sheetName val="明細書 (2)"/>
      <sheetName val="刊行物比較表"/>
      <sheetName val="刊行物比較表 (2)"/>
      <sheetName val="経費計算書"/>
      <sheetName val="見積"/>
      <sheetName val="明電舎"/>
      <sheetName val="見積査定基準"/>
      <sheetName val="施工条件明示一覧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">
          <cell r="A2" t="str">
            <v>工事名</v>
          </cell>
          <cell r="B2" t="str">
            <v>合流改善用滞水池 電気設備工事</v>
          </cell>
        </row>
        <row r="4">
          <cell r="A4" t="str">
            <v>経費計算書（電気設備）</v>
          </cell>
          <cell r="F4" t="str">
            <v>金　　額</v>
          </cell>
          <cell r="M4" t="str">
            <v>電気設備（2011/05/31版）</v>
          </cell>
        </row>
        <row r="5">
          <cell r="A5" t="str">
            <v>費目、工種</v>
          </cell>
          <cell r="B5" t="str">
            <v>種　　別</v>
          </cell>
          <cell r="C5" t="str">
            <v>細　　別</v>
          </cell>
          <cell r="D5" t="str">
            <v>単　位</v>
          </cell>
          <cell r="E5" t="str">
            <v>数　量</v>
          </cell>
          <cell r="F5" t="str">
            <v>全体分</v>
          </cell>
          <cell r="G5" t="str">
            <v>補助</v>
          </cell>
          <cell r="H5" t="str">
            <v>単費</v>
          </cell>
          <cell r="L5" t="str">
            <v>備　　　　考</v>
          </cell>
        </row>
        <row r="6">
          <cell r="A6" t="str">
            <v>本工事費</v>
          </cell>
        </row>
        <row r="8">
          <cell r="A8" t="str">
            <v>機器費</v>
          </cell>
          <cell r="D8" t="str">
            <v>式</v>
          </cell>
          <cell r="E8">
            <v>1</v>
          </cell>
          <cell r="F8">
            <v>73518000</v>
          </cell>
          <cell r="G8">
            <v>73518000</v>
          </cell>
          <cell r="H8">
            <v>0</v>
          </cell>
        </row>
        <row r="9">
          <cell r="A9" t="str">
            <v>機器費小計</v>
          </cell>
          <cell r="F9">
            <v>73518000</v>
          </cell>
          <cell r="G9">
            <v>73518000</v>
          </cell>
          <cell r="H9">
            <v>0</v>
          </cell>
        </row>
        <row r="10">
          <cell r="A10" t="str">
            <v>直接工事費</v>
          </cell>
          <cell r="B10" t="str">
            <v>輸送費</v>
          </cell>
          <cell r="D10" t="str">
            <v>式</v>
          </cell>
          <cell r="E10">
            <v>1</v>
          </cell>
          <cell r="F10">
            <v>56000</v>
          </cell>
          <cell r="G10">
            <v>56000</v>
          </cell>
          <cell r="H10">
            <v>0</v>
          </cell>
        </row>
        <row r="11">
          <cell r="C11" t="str">
            <v>輸送費小計</v>
          </cell>
          <cell r="F11">
            <v>56000</v>
          </cell>
          <cell r="G11">
            <v>56000</v>
          </cell>
          <cell r="H11">
            <v>0</v>
          </cell>
        </row>
        <row r="12">
          <cell r="B12" t="str">
            <v>材料費</v>
          </cell>
          <cell r="C12" t="str">
            <v>直接材料費</v>
          </cell>
          <cell r="D12" t="str">
            <v>式</v>
          </cell>
          <cell r="E12">
            <v>1</v>
          </cell>
          <cell r="F12">
            <v>1999275.4249999998</v>
          </cell>
          <cell r="G12">
            <v>1999275.4249999998</v>
          </cell>
          <cell r="H12">
            <v>0</v>
          </cell>
        </row>
        <row r="13">
          <cell r="C13" t="str">
            <v>補助材料費</v>
          </cell>
          <cell r="D13" t="str">
            <v>式</v>
          </cell>
          <cell r="E13">
            <v>1</v>
          </cell>
          <cell r="F13">
            <v>79971</v>
          </cell>
          <cell r="G13">
            <v>79971</v>
          </cell>
          <cell r="H13">
            <v>0</v>
          </cell>
          <cell r="I13">
            <v>0.04</v>
          </cell>
        </row>
        <row r="14">
          <cell r="C14" t="str">
            <v>材料費小計</v>
          </cell>
          <cell r="F14">
            <v>2079246.4249999998</v>
          </cell>
          <cell r="G14">
            <v>2079246.4249999998</v>
          </cell>
          <cell r="H14">
            <v>0</v>
          </cell>
        </row>
        <row r="15">
          <cell r="B15" t="str">
            <v>労務費</v>
          </cell>
          <cell r="C15" t="str">
            <v>一般労務費</v>
          </cell>
          <cell r="D15" t="str">
            <v>式</v>
          </cell>
          <cell r="E15">
            <v>1</v>
          </cell>
          <cell r="F15">
            <v>2996800</v>
          </cell>
          <cell r="G15">
            <v>2996800</v>
          </cell>
          <cell r="H15">
            <v>0</v>
          </cell>
        </row>
        <row r="16">
          <cell r="C16" t="str">
            <v>技術労務費</v>
          </cell>
          <cell r="D16" t="str">
            <v>式</v>
          </cell>
          <cell r="E16">
            <v>1</v>
          </cell>
          <cell r="F16">
            <v>536000</v>
          </cell>
          <cell r="G16">
            <v>536000</v>
          </cell>
          <cell r="H16">
            <v>0</v>
          </cell>
        </row>
        <row r="17">
          <cell r="C17" t="str">
            <v>労務費小計</v>
          </cell>
          <cell r="F17">
            <v>3532800</v>
          </cell>
          <cell r="G17">
            <v>3532800</v>
          </cell>
          <cell r="H17">
            <v>0</v>
          </cell>
        </row>
        <row r="18">
          <cell r="B18" t="str">
            <v>複合工費</v>
          </cell>
          <cell r="D18" t="str">
            <v>式</v>
          </cell>
          <cell r="E18">
            <v>1</v>
          </cell>
          <cell r="F18">
            <v>853467</v>
          </cell>
          <cell r="G18">
            <v>853467</v>
          </cell>
          <cell r="H18">
            <v>0</v>
          </cell>
        </row>
        <row r="19">
          <cell r="C19" t="str">
            <v>複合工費小計</v>
          </cell>
          <cell r="F19">
            <v>853467</v>
          </cell>
          <cell r="G19">
            <v>853467</v>
          </cell>
          <cell r="H19">
            <v>0</v>
          </cell>
        </row>
        <row r="20">
          <cell r="B20" t="str">
            <v>直接経費</v>
          </cell>
          <cell r="C20" t="str">
            <v>特許使用料</v>
          </cell>
          <cell r="D20" t="str">
            <v>式</v>
          </cell>
          <cell r="E20">
            <v>1</v>
          </cell>
          <cell r="F20">
            <v>0</v>
          </cell>
          <cell r="G20">
            <v>0</v>
          </cell>
          <cell r="H20">
            <v>0</v>
          </cell>
          <cell r="J20" t="str">
            <v>機械経費積上分</v>
          </cell>
          <cell r="L20" t="str">
            <v>機械経費率対象労務費</v>
          </cell>
        </row>
        <row r="21">
          <cell r="C21" t="str">
            <v>水道光熱電力料</v>
          </cell>
          <cell r="D21" t="str">
            <v>式</v>
          </cell>
          <cell r="E21">
            <v>1</v>
          </cell>
          <cell r="F21">
            <v>0</v>
          </cell>
          <cell r="G21">
            <v>0</v>
          </cell>
          <cell r="H21">
            <v>0</v>
          </cell>
          <cell r="J21" t="str">
            <v>補助分</v>
          </cell>
          <cell r="K21" t="str">
            <v>単独費分</v>
          </cell>
          <cell r="L21" t="str">
            <v>補助分</v>
          </cell>
          <cell r="M21" t="str">
            <v>単独費分</v>
          </cell>
        </row>
        <row r="22">
          <cell r="C22" t="str">
            <v>機械経費</v>
          </cell>
          <cell r="D22" t="str">
            <v>式</v>
          </cell>
          <cell r="E22">
            <v>1</v>
          </cell>
          <cell r="F22">
            <v>31308</v>
          </cell>
          <cell r="G22">
            <v>31308</v>
          </cell>
          <cell r="H22">
            <v>0</v>
          </cell>
          <cell r="I22">
            <v>0.01</v>
          </cell>
          <cell r="J22">
            <v>0</v>
          </cell>
          <cell r="K22">
            <v>0</v>
          </cell>
          <cell r="L22">
            <v>3130800</v>
          </cell>
          <cell r="M22">
            <v>0</v>
          </cell>
        </row>
        <row r="23">
          <cell r="C23" t="str">
            <v>試運転費</v>
          </cell>
          <cell r="D23" t="str">
            <v>式</v>
          </cell>
          <cell r="E23">
            <v>1</v>
          </cell>
          <cell r="F23">
            <v>107250</v>
          </cell>
          <cell r="G23">
            <v>107250</v>
          </cell>
          <cell r="H23">
            <v>0</v>
          </cell>
        </row>
        <row r="24">
          <cell r="C24" t="str">
            <v>特別経費</v>
          </cell>
          <cell r="D24" t="str">
            <v>式</v>
          </cell>
          <cell r="E24">
            <v>1</v>
          </cell>
          <cell r="F24">
            <v>0</v>
          </cell>
          <cell r="G24">
            <v>0</v>
          </cell>
          <cell r="H24">
            <v>0</v>
          </cell>
          <cell r="J24" t="str">
            <v>仮設費積上げ分</v>
          </cell>
          <cell r="L24" t="str">
            <v>仮設費対象金額
（直接工事費-試運転費-仮設費）</v>
          </cell>
        </row>
        <row r="25">
          <cell r="C25" t="str">
            <v>直接経費小計</v>
          </cell>
          <cell r="F25">
            <v>138558</v>
          </cell>
          <cell r="G25">
            <v>138558</v>
          </cell>
          <cell r="H25">
            <v>0</v>
          </cell>
          <cell r="J25" t="str">
            <v>補助分</v>
          </cell>
          <cell r="K25" t="str">
            <v>単独費分</v>
          </cell>
          <cell r="L25" t="str">
            <v>全体</v>
          </cell>
          <cell r="M25" t="str">
            <v>補助分</v>
          </cell>
        </row>
        <row r="26">
          <cell r="B26" t="str">
            <v>仮設費</v>
          </cell>
          <cell r="F26">
            <v>543884</v>
          </cell>
          <cell r="G26">
            <v>543884</v>
          </cell>
          <cell r="H26">
            <v>0</v>
          </cell>
          <cell r="I26">
            <v>8.3000000000000004E-2</v>
          </cell>
          <cell r="J26">
            <v>0</v>
          </cell>
          <cell r="K26">
            <v>0</v>
          </cell>
          <cell r="L26">
            <v>6552821.4249999998</v>
          </cell>
          <cell r="M26">
            <v>6552821.4249999998</v>
          </cell>
        </row>
        <row r="27">
          <cell r="A27" t="str">
            <v>直接工事費計</v>
          </cell>
          <cell r="F27">
            <v>7203955.4249999998</v>
          </cell>
          <cell r="G27">
            <v>7203955.4249999998</v>
          </cell>
          <cell r="H27">
            <v>0</v>
          </cell>
          <cell r="L27" t="str">
            <v>共通仮設費対象金額
（直接工事費+事業損失防止施設費）</v>
          </cell>
        </row>
        <row r="28">
          <cell r="L28" t="str">
            <v>全体</v>
          </cell>
          <cell r="M28" t="str">
            <v>補助分</v>
          </cell>
        </row>
        <row r="29">
          <cell r="A29" t="str">
            <v>間接工事費</v>
          </cell>
          <cell r="B29" t="str">
            <v>共通仮設費率分</v>
          </cell>
          <cell r="F29">
            <v>1955873</v>
          </cell>
          <cell r="G29">
            <v>1955873</v>
          </cell>
          <cell r="H29">
            <v>0</v>
          </cell>
          <cell r="I29">
            <v>0.27149999999999996</v>
          </cell>
          <cell r="L29">
            <v>7203955.4249999998</v>
          </cell>
          <cell r="M29">
            <v>7203955.4249999998</v>
          </cell>
        </row>
        <row r="30">
          <cell r="B30" t="str">
            <v>共通仮設費
積上げ分</v>
          </cell>
          <cell r="C30" t="str">
            <v>運搬費</v>
          </cell>
          <cell r="D30" t="str">
            <v>式</v>
          </cell>
          <cell r="E30">
            <v>1</v>
          </cell>
          <cell r="F30">
            <v>0</v>
          </cell>
          <cell r="G30">
            <v>0</v>
          </cell>
          <cell r="H30">
            <v>0</v>
          </cell>
        </row>
        <row r="31">
          <cell r="C31" t="str">
            <v>準備費</v>
          </cell>
          <cell r="D31" t="str">
            <v>式</v>
          </cell>
          <cell r="E31">
            <v>1</v>
          </cell>
          <cell r="F31">
            <v>0</v>
          </cell>
          <cell r="G31">
            <v>0</v>
          </cell>
          <cell r="H31">
            <v>0</v>
          </cell>
        </row>
        <row r="32">
          <cell r="C32" t="str">
            <v>事業損失防止施設費</v>
          </cell>
          <cell r="D32" t="str">
            <v>式</v>
          </cell>
          <cell r="E32">
            <v>1</v>
          </cell>
          <cell r="F32">
            <v>0</v>
          </cell>
          <cell r="G32">
            <v>0</v>
          </cell>
          <cell r="H32">
            <v>0</v>
          </cell>
        </row>
        <row r="33">
          <cell r="C33" t="str">
            <v>安全費</v>
          </cell>
          <cell r="D33" t="str">
            <v>式</v>
          </cell>
          <cell r="E33">
            <v>1</v>
          </cell>
          <cell r="F33">
            <v>0</v>
          </cell>
          <cell r="G33">
            <v>0</v>
          </cell>
          <cell r="H33">
            <v>0</v>
          </cell>
        </row>
        <row r="34">
          <cell r="C34" t="str">
            <v>役務費</v>
          </cell>
          <cell r="D34" t="str">
            <v>式</v>
          </cell>
          <cell r="E34">
            <v>1</v>
          </cell>
          <cell r="F34">
            <v>0</v>
          </cell>
          <cell r="G34">
            <v>0</v>
          </cell>
          <cell r="H34">
            <v>0</v>
          </cell>
        </row>
        <row r="35">
          <cell r="C35" t="str">
            <v>技術管理費</v>
          </cell>
          <cell r="D35" t="str">
            <v>式</v>
          </cell>
          <cell r="E35">
            <v>1</v>
          </cell>
          <cell r="F35">
            <v>0</v>
          </cell>
          <cell r="G35">
            <v>0</v>
          </cell>
          <cell r="H35">
            <v>0</v>
          </cell>
        </row>
        <row r="36">
          <cell r="C36" t="str">
            <v>営繕費</v>
          </cell>
          <cell r="D36" t="str">
            <v>式</v>
          </cell>
          <cell r="E36">
            <v>1</v>
          </cell>
          <cell r="F36">
            <v>0</v>
          </cell>
          <cell r="G36">
            <v>0</v>
          </cell>
          <cell r="H36">
            <v>0</v>
          </cell>
        </row>
        <row r="37">
          <cell r="B37" t="str">
            <v>共通仮設費計</v>
          </cell>
          <cell r="F37">
            <v>1955873</v>
          </cell>
          <cell r="G37">
            <v>1955873</v>
          </cell>
          <cell r="H37">
            <v>0</v>
          </cell>
        </row>
        <row r="38">
          <cell r="L38" t="str">
            <v>現場管理費対象金額
（純工事費＝直接工事費＋共通仮設費）</v>
          </cell>
        </row>
        <row r="39">
          <cell r="B39" t="str">
            <v>現場管理費</v>
          </cell>
          <cell r="D39" t="str">
            <v>式</v>
          </cell>
          <cell r="E39">
            <v>1</v>
          </cell>
          <cell r="F39">
            <v>4005592</v>
          </cell>
          <cell r="G39">
            <v>4005592</v>
          </cell>
          <cell r="H39">
            <v>0</v>
          </cell>
          <cell r="I39">
            <v>0.43729999999999997</v>
          </cell>
          <cell r="L39" t="str">
            <v>全体</v>
          </cell>
          <cell r="M39" t="str">
            <v>補助分</v>
          </cell>
        </row>
        <row r="40">
          <cell r="L40">
            <v>9159828.4250000007</v>
          </cell>
          <cell r="M40">
            <v>9159828.4250000007</v>
          </cell>
        </row>
        <row r="41">
          <cell r="B41" t="str">
            <v>据付間接費</v>
          </cell>
          <cell r="C41" t="str">
            <v>据付技術者間接費</v>
          </cell>
          <cell r="D41" t="str">
            <v>式</v>
          </cell>
          <cell r="E41">
            <v>1</v>
          </cell>
          <cell r="F41">
            <v>428800</v>
          </cell>
          <cell r="G41">
            <v>428800</v>
          </cell>
          <cell r="H41">
            <v>0</v>
          </cell>
          <cell r="I41">
            <v>0.8</v>
          </cell>
        </row>
        <row r="42">
          <cell r="C42" t="str">
            <v>据付機器間接費</v>
          </cell>
          <cell r="D42" t="str">
            <v>式</v>
          </cell>
          <cell r="E42">
            <v>1</v>
          </cell>
          <cell r="F42">
            <v>852808</v>
          </cell>
          <cell r="G42">
            <v>852808</v>
          </cell>
          <cell r="H42">
            <v>0</v>
          </cell>
          <cell r="I42">
            <v>1.1599999999999999E-2</v>
          </cell>
        </row>
        <row r="43">
          <cell r="A43" t="str">
            <v>間接工事費計</v>
          </cell>
          <cell r="F43">
            <v>7243073</v>
          </cell>
          <cell r="G43">
            <v>7243073</v>
          </cell>
          <cell r="H43">
            <v>0</v>
          </cell>
        </row>
        <row r="44">
          <cell r="A44" t="str">
            <v>据付工事原価</v>
          </cell>
          <cell r="F44">
            <v>14447028.425000001</v>
          </cell>
          <cell r="G44">
            <v>14447028.425000001</v>
          </cell>
          <cell r="H44">
            <v>0</v>
          </cell>
          <cell r="L44" t="str">
            <v>設計技術費対象額
（機器費+据付工事原価）</v>
          </cell>
        </row>
        <row r="45">
          <cell r="L45" t="str">
            <v>全体</v>
          </cell>
          <cell r="M45" t="str">
            <v>補助分</v>
          </cell>
        </row>
        <row r="46">
          <cell r="A46" t="str">
            <v>設計技術費</v>
          </cell>
          <cell r="F46">
            <v>3140351</v>
          </cell>
          <cell r="G46">
            <v>3140351</v>
          </cell>
          <cell r="H46">
            <v>0</v>
          </cell>
          <cell r="I46">
            <v>3.5699999999999996E-2</v>
          </cell>
          <cell r="L46">
            <v>87965028.424999997</v>
          </cell>
          <cell r="M46">
            <v>87965028.424999997</v>
          </cell>
        </row>
        <row r="47">
          <cell r="A47" t="str">
            <v>工事原価　計</v>
          </cell>
          <cell r="F47">
            <v>17587379.425000001</v>
          </cell>
          <cell r="G47">
            <v>17587379.425000001</v>
          </cell>
          <cell r="H47">
            <v>0</v>
          </cell>
          <cell r="J47" t="str">
            <v>標準一般管理費率</v>
          </cell>
          <cell r="L47" t="str">
            <v>前金支出割合補正係数</v>
          </cell>
        </row>
        <row r="48">
          <cell r="A48" t="str">
            <v>一般管理費等</v>
          </cell>
          <cell r="D48" t="str">
            <v>式</v>
          </cell>
          <cell r="E48">
            <v>1</v>
          </cell>
          <cell r="F48">
            <v>3512199</v>
          </cell>
          <cell r="G48">
            <v>3512199</v>
          </cell>
          <cell r="H48">
            <v>0</v>
          </cell>
          <cell r="I48">
            <v>0.19970000000000002</v>
          </cell>
          <cell r="J48">
            <v>0.1993</v>
          </cell>
          <cell r="L48">
            <v>1</v>
          </cell>
        </row>
        <row r="49">
          <cell r="L49" t="str">
            <v>履行ボンド係数</v>
          </cell>
        </row>
        <row r="50">
          <cell r="L50">
            <v>4.0000000000000002E-4</v>
          </cell>
        </row>
        <row r="51">
          <cell r="A51" t="str">
            <v>工事価格　計</v>
          </cell>
          <cell r="F51">
            <v>94617578.424999997</v>
          </cell>
          <cell r="G51">
            <v>94617578.424999997</v>
          </cell>
          <cell r="H51">
            <v>0</v>
          </cell>
        </row>
        <row r="52">
          <cell r="B52" t="str">
            <v>（スクラップ処分費）</v>
          </cell>
          <cell r="D52" t="str">
            <v>式</v>
          </cell>
          <cell r="E52">
            <v>1</v>
          </cell>
          <cell r="F52">
            <v>0</v>
          </cell>
          <cell r="G52">
            <v>0</v>
          </cell>
          <cell r="H52">
            <v>0</v>
          </cell>
        </row>
        <row r="53">
          <cell r="A53" t="str">
            <v>工事価格　合計</v>
          </cell>
          <cell r="F53">
            <v>94617578.424999997</v>
          </cell>
          <cell r="G53">
            <v>94617578.424999997</v>
          </cell>
          <cell r="H53">
            <v>0</v>
          </cell>
          <cell r="L53" t="str">
            <v>地域補正係数　1</v>
          </cell>
        </row>
        <row r="54">
          <cell r="F54">
            <v>94617000</v>
          </cell>
          <cell r="G54">
            <v>94617000</v>
          </cell>
          <cell r="H54">
            <v>0</v>
          </cell>
          <cell r="J54" t="str">
            <v>（千円止）</v>
          </cell>
          <cell r="L54" t="str">
            <v>全体</v>
          </cell>
          <cell r="M54" t="str">
            <v>補助分</v>
          </cell>
        </row>
        <row r="55">
          <cell r="A55" t="str">
            <v>工事価格</v>
          </cell>
          <cell r="F55">
            <v>94617000</v>
          </cell>
          <cell r="G55">
            <v>94617000</v>
          </cell>
          <cell r="H55">
            <v>0</v>
          </cell>
          <cell r="J55" t="str">
            <v>（千円止）</v>
          </cell>
          <cell r="L55">
            <v>94617000</v>
          </cell>
          <cell r="M55">
            <v>94617000</v>
          </cell>
        </row>
        <row r="56">
          <cell r="A56" t="str">
            <v>消費税相当額</v>
          </cell>
          <cell r="D56" t="str">
            <v>式</v>
          </cell>
          <cell r="E56">
            <v>1</v>
          </cell>
          <cell r="F56">
            <v>4730850</v>
          </cell>
          <cell r="G56">
            <v>4730850</v>
          </cell>
          <cell r="H56">
            <v>0</v>
          </cell>
        </row>
        <row r="57">
          <cell r="A57" t="str">
            <v>合　　　計</v>
          </cell>
          <cell r="F57">
            <v>99347850</v>
          </cell>
          <cell r="G57">
            <v>99347850</v>
          </cell>
          <cell r="H57">
            <v>0</v>
          </cell>
        </row>
      </sheetData>
      <sheetData sheetId="9"/>
      <sheetData sheetId="10"/>
      <sheetData sheetId="11"/>
      <sheetData sheetId="12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33"/>
  <sheetViews>
    <sheetView zoomScale="85" zoomScaleNormal="85" workbookViewId="0">
      <selection activeCell="C1" sqref="C1:F1"/>
    </sheetView>
  </sheetViews>
  <sheetFormatPr defaultRowHeight="16.5"/>
  <cols>
    <col min="1" max="1" width="11.875" style="42" customWidth="1"/>
    <col min="2" max="3" width="15.625" style="42" customWidth="1"/>
    <col min="4" max="4" width="21.25" style="42" customWidth="1"/>
    <col min="5" max="5" width="8.625" style="42" customWidth="1"/>
    <col min="6" max="7" width="9.875" style="42" customWidth="1"/>
    <col min="8" max="8" width="18.25" style="42" customWidth="1"/>
    <col min="9" max="9" width="8.375" style="42" customWidth="1"/>
    <col min="10" max="10" width="4.375" style="42" customWidth="1"/>
    <col min="11" max="11" width="13.375" style="42" customWidth="1"/>
    <col min="12" max="16384" width="9" style="42"/>
  </cols>
  <sheetData>
    <row r="1" spans="1:11" ht="32.25" customHeight="1">
      <c r="A1" s="41" t="s">
        <v>56</v>
      </c>
      <c r="C1" s="42" t="s">
        <v>92</v>
      </c>
      <c r="F1" s="42" t="s">
        <v>93</v>
      </c>
    </row>
    <row r="2" spans="1:11" ht="16.5" customHeight="1">
      <c r="A2" s="43"/>
      <c r="B2" s="44"/>
      <c r="C2" s="44"/>
      <c r="D2" s="45"/>
      <c r="E2" s="44"/>
      <c r="F2" s="44"/>
      <c r="G2" s="44"/>
      <c r="H2" s="44"/>
      <c r="I2" s="46"/>
      <c r="J2" s="47"/>
      <c r="K2" s="48"/>
    </row>
    <row r="3" spans="1:11" ht="16.5" customHeight="1">
      <c r="A3" s="49" t="s">
        <v>22</v>
      </c>
      <c r="B3" s="50" t="s">
        <v>23</v>
      </c>
      <c r="C3" s="50" t="s">
        <v>24</v>
      </c>
      <c r="D3" s="50" t="s">
        <v>25</v>
      </c>
      <c r="E3" s="50" t="s">
        <v>26</v>
      </c>
      <c r="F3" s="50" t="s">
        <v>8</v>
      </c>
      <c r="G3" s="50" t="s">
        <v>57</v>
      </c>
      <c r="H3" s="50" t="s">
        <v>58</v>
      </c>
      <c r="I3" s="183" t="s">
        <v>59</v>
      </c>
      <c r="J3" s="184"/>
      <c r="K3" s="185"/>
    </row>
    <row r="4" spans="1:11" ht="16.5" customHeight="1">
      <c r="A4" s="51"/>
      <c r="B4" s="52"/>
      <c r="C4" s="52"/>
      <c r="D4" s="52"/>
      <c r="E4" s="52"/>
      <c r="F4" s="53"/>
      <c r="G4" s="52"/>
      <c r="H4" s="54"/>
      <c r="I4" s="55"/>
      <c r="J4" s="56"/>
      <c r="K4" s="57"/>
    </row>
    <row r="5" spans="1:11" ht="16.5" customHeight="1">
      <c r="A5" s="58" t="s">
        <v>89</v>
      </c>
      <c r="B5" s="59"/>
      <c r="C5" s="59"/>
      <c r="D5" s="59"/>
      <c r="E5" s="59"/>
      <c r="F5" s="60"/>
      <c r="G5" s="59"/>
      <c r="H5" s="61"/>
      <c r="I5" s="62"/>
      <c r="J5" s="63"/>
      <c r="K5" s="173"/>
    </row>
    <row r="6" spans="1:11" ht="16.5" customHeight="1">
      <c r="A6" s="51"/>
      <c r="B6" s="52"/>
      <c r="C6" s="52"/>
      <c r="D6" s="52"/>
      <c r="E6" s="52"/>
      <c r="F6" s="53"/>
      <c r="G6" s="52"/>
      <c r="H6" s="54"/>
      <c r="I6" s="55"/>
      <c r="J6" s="56"/>
      <c r="K6" s="57"/>
    </row>
    <row r="7" spans="1:11" ht="16.5" customHeight="1">
      <c r="A7" s="58"/>
      <c r="B7" s="59"/>
      <c r="C7" s="59"/>
      <c r="D7" s="59"/>
      <c r="E7" s="59"/>
      <c r="F7" s="60"/>
      <c r="G7" s="59"/>
      <c r="H7" s="61"/>
      <c r="I7" s="62"/>
      <c r="J7" s="63"/>
      <c r="K7" s="173"/>
    </row>
    <row r="8" spans="1:11" ht="16.5" customHeight="1">
      <c r="A8" s="51"/>
      <c r="B8" s="52"/>
      <c r="C8" s="52"/>
      <c r="D8" s="52"/>
      <c r="E8" s="64"/>
      <c r="F8" s="53"/>
      <c r="G8" s="52"/>
      <c r="H8" s="54"/>
      <c r="I8" s="55"/>
      <c r="J8" s="56"/>
      <c r="K8" s="57"/>
    </row>
    <row r="9" spans="1:11" ht="16.5" customHeight="1">
      <c r="A9" s="58"/>
      <c r="B9" s="59" t="s">
        <v>60</v>
      </c>
      <c r="C9" s="59"/>
      <c r="D9" s="59"/>
      <c r="E9" s="65" t="s">
        <v>9</v>
      </c>
      <c r="F9" s="60">
        <v>1</v>
      </c>
      <c r="G9" s="59"/>
      <c r="H9" s="61"/>
      <c r="I9" s="62"/>
      <c r="J9" s="63"/>
      <c r="K9" s="173"/>
    </row>
    <row r="10" spans="1:11" ht="16.5" customHeight="1">
      <c r="A10" s="51"/>
      <c r="B10" s="52"/>
      <c r="C10" s="52"/>
      <c r="D10" s="52"/>
      <c r="E10" s="64"/>
      <c r="F10" s="53"/>
      <c r="G10" s="52"/>
      <c r="H10" s="54"/>
      <c r="I10" s="55"/>
      <c r="J10" s="56"/>
      <c r="K10" s="57"/>
    </row>
    <row r="11" spans="1:11" ht="16.5" customHeight="1">
      <c r="A11" s="58"/>
      <c r="B11" s="59" t="s">
        <v>74</v>
      </c>
      <c r="C11" s="59"/>
      <c r="D11" s="59"/>
      <c r="E11" s="65" t="s">
        <v>9</v>
      </c>
      <c r="F11" s="60">
        <v>1</v>
      </c>
      <c r="G11" s="59"/>
      <c r="H11" s="61"/>
      <c r="I11" s="62"/>
      <c r="J11" s="63"/>
      <c r="K11" s="173"/>
    </row>
    <row r="12" spans="1:11" ht="16.5" customHeight="1">
      <c r="A12" s="51"/>
      <c r="B12" s="52"/>
      <c r="C12" s="52"/>
      <c r="D12" s="52"/>
      <c r="E12" s="64"/>
      <c r="F12" s="53"/>
      <c r="G12" s="52"/>
      <c r="H12" s="54"/>
      <c r="I12" s="55"/>
      <c r="J12" s="56"/>
      <c r="K12" s="57"/>
    </row>
    <row r="13" spans="1:11" ht="16.5" customHeight="1">
      <c r="A13" s="58"/>
      <c r="B13" s="59" t="s">
        <v>75</v>
      </c>
      <c r="C13" s="59"/>
      <c r="D13" s="59"/>
      <c r="E13" s="65" t="s">
        <v>9</v>
      </c>
      <c r="F13" s="60">
        <v>1</v>
      </c>
      <c r="G13" s="59"/>
      <c r="H13" s="61"/>
      <c r="I13" s="62"/>
      <c r="J13" s="63"/>
      <c r="K13" s="173"/>
    </row>
    <row r="14" spans="1:11" ht="16.5" customHeight="1">
      <c r="A14" s="51"/>
      <c r="B14" s="52"/>
      <c r="C14" s="52"/>
      <c r="D14" s="52"/>
      <c r="E14" s="64"/>
      <c r="F14" s="53"/>
      <c r="G14" s="52"/>
      <c r="H14" s="54"/>
      <c r="I14" s="55"/>
      <c r="J14" s="56"/>
      <c r="K14" s="57"/>
    </row>
    <row r="15" spans="1:11" ht="16.5" customHeight="1">
      <c r="A15" s="58"/>
      <c r="B15" s="59"/>
      <c r="C15" s="59"/>
      <c r="D15" s="59"/>
      <c r="E15" s="65"/>
      <c r="F15" s="60"/>
      <c r="G15" s="59"/>
      <c r="H15" s="61"/>
      <c r="I15" s="62"/>
      <c r="J15" s="63"/>
      <c r="K15" s="173"/>
    </row>
    <row r="16" spans="1:11" ht="16.5" customHeight="1">
      <c r="A16" s="51"/>
      <c r="B16" s="52"/>
      <c r="C16" s="52"/>
      <c r="D16" s="52"/>
      <c r="E16" s="52"/>
      <c r="F16" s="53"/>
      <c r="G16" s="52"/>
      <c r="H16" s="54"/>
      <c r="I16" s="55"/>
      <c r="J16" s="56"/>
      <c r="K16" s="57"/>
    </row>
    <row r="17" spans="1:11" ht="16.5" customHeight="1">
      <c r="A17" s="58"/>
      <c r="B17" s="59" t="s">
        <v>14</v>
      </c>
      <c r="C17" s="59"/>
      <c r="D17" s="59"/>
      <c r="E17" s="65"/>
      <c r="F17" s="60"/>
      <c r="G17" s="59"/>
      <c r="H17" s="61"/>
      <c r="I17" s="62"/>
      <c r="J17" s="186"/>
      <c r="K17" s="187"/>
    </row>
    <row r="18" spans="1:11" ht="16.5" customHeight="1">
      <c r="A18" s="51"/>
      <c r="B18" s="52"/>
      <c r="C18" s="52"/>
      <c r="D18" s="52"/>
      <c r="E18" s="52"/>
      <c r="F18" s="53"/>
      <c r="G18" s="52"/>
      <c r="H18" s="54"/>
      <c r="I18" s="55"/>
      <c r="J18" s="56"/>
      <c r="K18" s="57"/>
    </row>
    <row r="19" spans="1:11" ht="16.5" customHeight="1">
      <c r="A19" s="58"/>
      <c r="B19" s="59"/>
      <c r="C19" s="59"/>
      <c r="D19" s="59"/>
      <c r="E19" s="59"/>
      <c r="F19" s="60"/>
      <c r="G19" s="59"/>
      <c r="H19" s="61"/>
      <c r="I19" s="62"/>
      <c r="J19" s="63"/>
      <c r="K19" s="173"/>
    </row>
    <row r="20" spans="1:11" ht="16.5" customHeight="1">
      <c r="A20" s="51"/>
      <c r="B20" s="52"/>
      <c r="C20" s="52"/>
      <c r="D20" s="52"/>
      <c r="E20" s="52"/>
      <c r="F20" s="53"/>
      <c r="G20" s="52"/>
      <c r="H20" s="54"/>
      <c r="I20" s="55"/>
      <c r="J20" s="56"/>
      <c r="K20" s="57"/>
    </row>
    <row r="21" spans="1:11" ht="16.5" customHeight="1">
      <c r="A21" s="58"/>
      <c r="B21" s="59"/>
      <c r="C21" s="59"/>
      <c r="D21" s="59"/>
      <c r="E21" s="65"/>
      <c r="F21" s="60"/>
      <c r="G21" s="59"/>
      <c r="H21" s="61"/>
      <c r="I21" s="66"/>
      <c r="J21" s="63"/>
      <c r="K21" s="173"/>
    </row>
    <row r="22" spans="1:11" ht="16.5" customHeight="1">
      <c r="A22" s="51"/>
      <c r="B22" s="52"/>
      <c r="C22" s="52"/>
      <c r="D22" s="52"/>
      <c r="E22" s="52"/>
      <c r="F22" s="53"/>
      <c r="G22" s="52"/>
      <c r="H22" s="54"/>
      <c r="I22" s="55"/>
      <c r="J22" s="56"/>
      <c r="K22" s="57"/>
    </row>
    <row r="23" spans="1:11" ht="16.5" customHeight="1">
      <c r="A23" s="58"/>
      <c r="B23" s="59"/>
      <c r="C23" s="59"/>
      <c r="D23" s="59"/>
      <c r="E23" s="65"/>
      <c r="F23" s="60"/>
      <c r="G23" s="59"/>
      <c r="H23" s="61"/>
      <c r="I23" s="67"/>
      <c r="J23" s="63"/>
      <c r="K23" s="173"/>
    </row>
    <row r="24" spans="1:11" ht="16.5" customHeight="1">
      <c r="A24" s="51"/>
      <c r="B24" s="52"/>
      <c r="C24" s="52"/>
      <c r="D24" s="52"/>
      <c r="E24" s="52"/>
      <c r="F24" s="53"/>
      <c r="G24" s="52"/>
      <c r="H24" s="54"/>
      <c r="I24" s="55"/>
      <c r="J24" s="56"/>
      <c r="K24" s="57"/>
    </row>
    <row r="25" spans="1:11" ht="16.5" customHeight="1">
      <c r="A25" s="58"/>
      <c r="B25" s="59"/>
      <c r="C25" s="59"/>
      <c r="D25" s="59"/>
      <c r="E25" s="59"/>
      <c r="F25" s="60"/>
      <c r="G25" s="59"/>
      <c r="H25" s="61"/>
      <c r="I25" s="62"/>
      <c r="J25" s="63"/>
      <c r="K25" s="173"/>
    </row>
    <row r="26" spans="1:11" ht="16.5" customHeight="1">
      <c r="A26" s="51"/>
      <c r="B26" s="52"/>
      <c r="C26" s="52"/>
      <c r="D26" s="52"/>
      <c r="E26" s="52"/>
      <c r="F26" s="53"/>
      <c r="G26" s="52"/>
      <c r="H26" s="54"/>
      <c r="I26" s="55"/>
      <c r="J26" s="56"/>
      <c r="K26" s="57"/>
    </row>
    <row r="27" spans="1:11" ht="16.5" customHeight="1">
      <c r="A27" s="58"/>
      <c r="B27" s="59"/>
      <c r="C27" s="59"/>
      <c r="D27" s="59"/>
      <c r="E27" s="65"/>
      <c r="F27" s="60"/>
      <c r="G27" s="59"/>
      <c r="H27" s="61"/>
      <c r="I27" s="62"/>
      <c r="J27" s="63"/>
      <c r="K27" s="173"/>
    </row>
    <row r="28" spans="1:11" ht="16.5" customHeight="1">
      <c r="A28" s="51"/>
      <c r="B28" s="52"/>
      <c r="C28" s="52"/>
      <c r="D28" s="52"/>
      <c r="E28" s="52"/>
      <c r="F28" s="53"/>
      <c r="G28" s="52"/>
      <c r="H28" s="54"/>
      <c r="I28" s="55"/>
      <c r="J28" s="56"/>
      <c r="K28" s="57"/>
    </row>
    <row r="29" spans="1:11" ht="16.5" customHeight="1">
      <c r="A29" s="58"/>
      <c r="B29" s="59"/>
      <c r="C29" s="59"/>
      <c r="D29" s="59"/>
      <c r="E29" s="59"/>
      <c r="F29" s="60"/>
      <c r="G29" s="59"/>
      <c r="H29" s="61"/>
      <c r="I29" s="62"/>
      <c r="J29" s="63"/>
      <c r="K29" s="173"/>
    </row>
    <row r="30" spans="1:11" ht="16.5" customHeight="1">
      <c r="A30" s="51"/>
      <c r="B30" s="52"/>
      <c r="C30" s="52"/>
      <c r="D30" s="52"/>
      <c r="E30" s="52"/>
      <c r="F30" s="53"/>
      <c r="G30" s="52"/>
      <c r="H30" s="54"/>
      <c r="I30" s="55"/>
      <c r="J30" s="56"/>
      <c r="K30" s="57"/>
    </row>
    <row r="31" spans="1:11" ht="16.5" customHeight="1">
      <c r="A31" s="58"/>
      <c r="B31" s="59"/>
      <c r="C31" s="59"/>
      <c r="D31" s="59"/>
      <c r="E31" s="65"/>
      <c r="F31" s="60"/>
      <c r="G31" s="59"/>
      <c r="H31" s="61"/>
      <c r="I31" s="62"/>
      <c r="J31" s="63"/>
      <c r="K31" s="173"/>
    </row>
    <row r="32" spans="1:11" ht="16.5" customHeight="1">
      <c r="A32" s="51"/>
      <c r="B32" s="52"/>
      <c r="C32" s="52"/>
      <c r="D32" s="52"/>
      <c r="E32" s="52"/>
      <c r="F32" s="53"/>
      <c r="G32" s="52"/>
      <c r="H32" s="54"/>
      <c r="I32" s="55"/>
      <c r="J32" s="56"/>
      <c r="K32" s="57"/>
    </row>
    <row r="33" spans="1:11" ht="16.5" customHeight="1">
      <c r="A33" s="68"/>
      <c r="B33" s="69"/>
      <c r="C33" s="69"/>
      <c r="D33" s="69"/>
      <c r="E33" s="69"/>
      <c r="F33" s="70"/>
      <c r="G33" s="69"/>
      <c r="H33" s="71"/>
      <c r="I33" s="72"/>
      <c r="J33" s="73"/>
      <c r="K33" s="74"/>
    </row>
  </sheetData>
  <mergeCells count="2">
    <mergeCell ref="I3:K3"/>
    <mergeCell ref="J17:K17"/>
  </mergeCells>
  <phoneticPr fontId="2"/>
  <printOptions horizontalCentered="1" verticalCentered="1"/>
  <pageMargins left="0.39370078740157483" right="0.39370078740157483" top="0.59055118110236227" bottom="0.59055118110236227" header="0.51181102362204722" footer="0.31496062992125984"/>
  <pageSetup paperSize="9" orientation="landscape" useFirstPageNumber="1" horizontalDpi="4294967292" r:id="rId1"/>
  <headerFooter alignWithMargins="0">
    <oddFooter>&amp;R（本工事費内訳書 － &amp;P&amp; 号）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autoPageBreaks="0"/>
  </sheetPr>
  <dimension ref="A1:H62"/>
  <sheetViews>
    <sheetView view="pageBreakPreview" zoomScale="70" zoomScaleNormal="75" zoomScaleSheetLayoutView="70" workbookViewId="0">
      <pane ySplit="2" topLeftCell="A3" activePane="bottomLeft" state="frozen"/>
      <selection activeCell="N9" sqref="N9"/>
      <selection pane="bottomLeft" activeCell="E18" sqref="E18"/>
    </sheetView>
  </sheetViews>
  <sheetFormatPr defaultColWidth="8.875" defaultRowHeight="13.5"/>
  <cols>
    <col min="1" max="1" width="6.125" style="137" customWidth="1"/>
    <col min="2" max="2" width="31.375" style="138" customWidth="1"/>
    <col min="3" max="3" width="31.5" style="81" customWidth="1"/>
    <col min="4" max="4" width="4.875" style="137" customWidth="1"/>
    <col min="5" max="5" width="10.375" style="139" customWidth="1"/>
    <col min="6" max="6" width="13.5" style="81" customWidth="1"/>
    <col min="7" max="7" width="17.5" style="81" customWidth="1"/>
    <col min="8" max="8" width="19.75" style="81" customWidth="1"/>
    <col min="9" max="182" width="8.875" style="81"/>
    <col min="183" max="183" width="6.125" style="81" customWidth="1"/>
    <col min="184" max="184" width="31.375" style="81" customWidth="1"/>
    <col min="185" max="185" width="31.5" style="81" customWidth="1"/>
    <col min="186" max="186" width="4.875" style="81" customWidth="1"/>
    <col min="187" max="187" width="10.375" style="81" customWidth="1"/>
    <col min="188" max="188" width="13.5" style="81" customWidth="1"/>
    <col min="189" max="189" width="17.5" style="81" customWidth="1"/>
    <col min="190" max="190" width="19.75" style="81" customWidth="1"/>
    <col min="191" max="191" width="1.75" style="81" customWidth="1"/>
    <col min="192" max="192" width="12.75" style="81" customWidth="1"/>
    <col min="193" max="193" width="11" style="81" bestFit="1" customWidth="1"/>
    <col min="194" max="195" width="10" style="81" customWidth="1"/>
    <col min="196" max="196" width="12.875" style="81" customWidth="1"/>
    <col min="197" max="197" width="1.625" style="81" customWidth="1"/>
    <col min="198" max="202" width="9.625" style="81" customWidth="1"/>
    <col min="203" max="438" width="8.875" style="81"/>
    <col min="439" max="439" width="6.125" style="81" customWidth="1"/>
    <col min="440" max="440" width="31.375" style="81" customWidth="1"/>
    <col min="441" max="441" width="31.5" style="81" customWidth="1"/>
    <col min="442" max="442" width="4.875" style="81" customWidth="1"/>
    <col min="443" max="443" width="10.375" style="81" customWidth="1"/>
    <col min="444" max="444" width="13.5" style="81" customWidth="1"/>
    <col min="445" max="445" width="17.5" style="81" customWidth="1"/>
    <col min="446" max="446" width="19.75" style="81" customWidth="1"/>
    <col min="447" max="447" width="1.75" style="81" customWidth="1"/>
    <col min="448" max="448" width="12.75" style="81" customWidth="1"/>
    <col min="449" max="449" width="11" style="81" bestFit="1" customWidth="1"/>
    <col min="450" max="451" width="10" style="81" customWidth="1"/>
    <col min="452" max="452" width="12.875" style="81" customWidth="1"/>
    <col min="453" max="453" width="1.625" style="81" customWidth="1"/>
    <col min="454" max="458" width="9.625" style="81" customWidth="1"/>
    <col min="459" max="694" width="8.875" style="81"/>
    <col min="695" max="695" width="6.125" style="81" customWidth="1"/>
    <col min="696" max="696" width="31.375" style="81" customWidth="1"/>
    <col min="697" max="697" width="31.5" style="81" customWidth="1"/>
    <col min="698" max="698" width="4.875" style="81" customWidth="1"/>
    <col min="699" max="699" width="10.375" style="81" customWidth="1"/>
    <col min="700" max="700" width="13.5" style="81" customWidth="1"/>
    <col min="701" max="701" width="17.5" style="81" customWidth="1"/>
    <col min="702" max="702" width="19.75" style="81" customWidth="1"/>
    <col min="703" max="703" width="1.75" style="81" customWidth="1"/>
    <col min="704" max="704" width="12.75" style="81" customWidth="1"/>
    <col min="705" max="705" width="11" style="81" bestFit="1" customWidth="1"/>
    <col min="706" max="707" width="10" style="81" customWidth="1"/>
    <col min="708" max="708" width="12.875" style="81" customWidth="1"/>
    <col min="709" max="709" width="1.625" style="81" customWidth="1"/>
    <col min="710" max="714" width="9.625" style="81" customWidth="1"/>
    <col min="715" max="950" width="8.875" style="81"/>
    <col min="951" max="951" width="6.125" style="81" customWidth="1"/>
    <col min="952" max="952" width="31.375" style="81" customWidth="1"/>
    <col min="953" max="953" width="31.5" style="81" customWidth="1"/>
    <col min="954" max="954" width="4.875" style="81" customWidth="1"/>
    <col min="955" max="955" width="10.375" style="81" customWidth="1"/>
    <col min="956" max="956" width="13.5" style="81" customWidth="1"/>
    <col min="957" max="957" width="17.5" style="81" customWidth="1"/>
    <col min="958" max="958" width="19.75" style="81" customWidth="1"/>
    <col min="959" max="959" width="1.75" style="81" customWidth="1"/>
    <col min="960" max="960" width="12.75" style="81" customWidth="1"/>
    <col min="961" max="961" width="11" style="81" bestFit="1" customWidth="1"/>
    <col min="962" max="963" width="10" style="81" customWidth="1"/>
    <col min="964" max="964" width="12.875" style="81" customWidth="1"/>
    <col min="965" max="965" width="1.625" style="81" customWidth="1"/>
    <col min="966" max="970" width="9.625" style="81" customWidth="1"/>
    <col min="971" max="1206" width="8.875" style="81"/>
    <col min="1207" max="1207" width="6.125" style="81" customWidth="1"/>
    <col min="1208" max="1208" width="31.375" style="81" customWidth="1"/>
    <col min="1209" max="1209" width="31.5" style="81" customWidth="1"/>
    <col min="1210" max="1210" width="4.875" style="81" customWidth="1"/>
    <col min="1211" max="1211" width="10.375" style="81" customWidth="1"/>
    <col min="1212" max="1212" width="13.5" style="81" customWidth="1"/>
    <col min="1213" max="1213" width="17.5" style="81" customWidth="1"/>
    <col min="1214" max="1214" width="19.75" style="81" customWidth="1"/>
    <col min="1215" max="1215" width="1.75" style="81" customWidth="1"/>
    <col min="1216" max="1216" width="12.75" style="81" customWidth="1"/>
    <col min="1217" max="1217" width="11" style="81" bestFit="1" customWidth="1"/>
    <col min="1218" max="1219" width="10" style="81" customWidth="1"/>
    <col min="1220" max="1220" width="12.875" style="81" customWidth="1"/>
    <col min="1221" max="1221" width="1.625" style="81" customWidth="1"/>
    <col min="1222" max="1226" width="9.625" style="81" customWidth="1"/>
    <col min="1227" max="1462" width="8.875" style="81"/>
    <col min="1463" max="1463" width="6.125" style="81" customWidth="1"/>
    <col min="1464" max="1464" width="31.375" style="81" customWidth="1"/>
    <col min="1465" max="1465" width="31.5" style="81" customWidth="1"/>
    <col min="1466" max="1466" width="4.875" style="81" customWidth="1"/>
    <col min="1467" max="1467" width="10.375" style="81" customWidth="1"/>
    <col min="1468" max="1468" width="13.5" style="81" customWidth="1"/>
    <col min="1469" max="1469" width="17.5" style="81" customWidth="1"/>
    <col min="1470" max="1470" width="19.75" style="81" customWidth="1"/>
    <col min="1471" max="1471" width="1.75" style="81" customWidth="1"/>
    <col min="1472" max="1472" width="12.75" style="81" customWidth="1"/>
    <col min="1473" max="1473" width="11" style="81" bestFit="1" customWidth="1"/>
    <col min="1474" max="1475" width="10" style="81" customWidth="1"/>
    <col min="1476" max="1476" width="12.875" style="81" customWidth="1"/>
    <col min="1477" max="1477" width="1.625" style="81" customWidth="1"/>
    <col min="1478" max="1482" width="9.625" style="81" customWidth="1"/>
    <col min="1483" max="1718" width="8.875" style="81"/>
    <col min="1719" max="1719" width="6.125" style="81" customWidth="1"/>
    <col min="1720" max="1720" width="31.375" style="81" customWidth="1"/>
    <col min="1721" max="1721" width="31.5" style="81" customWidth="1"/>
    <col min="1722" max="1722" width="4.875" style="81" customWidth="1"/>
    <col min="1723" max="1723" width="10.375" style="81" customWidth="1"/>
    <col min="1724" max="1724" width="13.5" style="81" customWidth="1"/>
    <col min="1725" max="1725" width="17.5" style="81" customWidth="1"/>
    <col min="1726" max="1726" width="19.75" style="81" customWidth="1"/>
    <col min="1727" max="1727" width="1.75" style="81" customWidth="1"/>
    <col min="1728" max="1728" width="12.75" style="81" customWidth="1"/>
    <col min="1729" max="1729" width="11" style="81" bestFit="1" customWidth="1"/>
    <col min="1730" max="1731" width="10" style="81" customWidth="1"/>
    <col min="1732" max="1732" width="12.875" style="81" customWidth="1"/>
    <col min="1733" max="1733" width="1.625" style="81" customWidth="1"/>
    <col min="1734" max="1738" width="9.625" style="81" customWidth="1"/>
    <col min="1739" max="1974" width="8.875" style="81"/>
    <col min="1975" max="1975" width="6.125" style="81" customWidth="1"/>
    <col min="1976" max="1976" width="31.375" style="81" customWidth="1"/>
    <col min="1977" max="1977" width="31.5" style="81" customWidth="1"/>
    <col min="1978" max="1978" width="4.875" style="81" customWidth="1"/>
    <col min="1979" max="1979" width="10.375" style="81" customWidth="1"/>
    <col min="1980" max="1980" width="13.5" style="81" customWidth="1"/>
    <col min="1981" max="1981" width="17.5" style="81" customWidth="1"/>
    <col min="1982" max="1982" width="19.75" style="81" customWidth="1"/>
    <col min="1983" max="1983" width="1.75" style="81" customWidth="1"/>
    <col min="1984" max="1984" width="12.75" style="81" customWidth="1"/>
    <col min="1985" max="1985" width="11" style="81" bestFit="1" customWidth="1"/>
    <col min="1986" max="1987" width="10" style="81" customWidth="1"/>
    <col min="1988" max="1988" width="12.875" style="81" customWidth="1"/>
    <col min="1989" max="1989" width="1.625" style="81" customWidth="1"/>
    <col min="1990" max="1994" width="9.625" style="81" customWidth="1"/>
    <col min="1995" max="2230" width="8.875" style="81"/>
    <col min="2231" max="2231" width="6.125" style="81" customWidth="1"/>
    <col min="2232" max="2232" width="31.375" style="81" customWidth="1"/>
    <col min="2233" max="2233" width="31.5" style="81" customWidth="1"/>
    <col min="2234" max="2234" width="4.875" style="81" customWidth="1"/>
    <col min="2235" max="2235" width="10.375" style="81" customWidth="1"/>
    <col min="2236" max="2236" width="13.5" style="81" customWidth="1"/>
    <col min="2237" max="2237" width="17.5" style="81" customWidth="1"/>
    <col min="2238" max="2238" width="19.75" style="81" customWidth="1"/>
    <col min="2239" max="2239" width="1.75" style="81" customWidth="1"/>
    <col min="2240" max="2240" width="12.75" style="81" customWidth="1"/>
    <col min="2241" max="2241" width="11" style="81" bestFit="1" customWidth="1"/>
    <col min="2242" max="2243" width="10" style="81" customWidth="1"/>
    <col min="2244" max="2244" width="12.875" style="81" customWidth="1"/>
    <col min="2245" max="2245" width="1.625" style="81" customWidth="1"/>
    <col min="2246" max="2250" width="9.625" style="81" customWidth="1"/>
    <col min="2251" max="2486" width="8.875" style="81"/>
    <col min="2487" max="2487" width="6.125" style="81" customWidth="1"/>
    <col min="2488" max="2488" width="31.375" style="81" customWidth="1"/>
    <col min="2489" max="2489" width="31.5" style="81" customWidth="1"/>
    <col min="2490" max="2490" width="4.875" style="81" customWidth="1"/>
    <col min="2491" max="2491" width="10.375" style="81" customWidth="1"/>
    <col min="2492" max="2492" width="13.5" style="81" customWidth="1"/>
    <col min="2493" max="2493" width="17.5" style="81" customWidth="1"/>
    <col min="2494" max="2494" width="19.75" style="81" customWidth="1"/>
    <col min="2495" max="2495" width="1.75" style="81" customWidth="1"/>
    <col min="2496" max="2496" width="12.75" style="81" customWidth="1"/>
    <col min="2497" max="2497" width="11" style="81" bestFit="1" customWidth="1"/>
    <col min="2498" max="2499" width="10" style="81" customWidth="1"/>
    <col min="2500" max="2500" width="12.875" style="81" customWidth="1"/>
    <col min="2501" max="2501" width="1.625" style="81" customWidth="1"/>
    <col min="2502" max="2506" width="9.625" style="81" customWidth="1"/>
    <col min="2507" max="2742" width="8.875" style="81"/>
    <col min="2743" max="2743" width="6.125" style="81" customWidth="1"/>
    <col min="2744" max="2744" width="31.375" style="81" customWidth="1"/>
    <col min="2745" max="2745" width="31.5" style="81" customWidth="1"/>
    <col min="2746" max="2746" width="4.875" style="81" customWidth="1"/>
    <col min="2747" max="2747" width="10.375" style="81" customWidth="1"/>
    <col min="2748" max="2748" width="13.5" style="81" customWidth="1"/>
    <col min="2749" max="2749" width="17.5" style="81" customWidth="1"/>
    <col min="2750" max="2750" width="19.75" style="81" customWidth="1"/>
    <col min="2751" max="2751" width="1.75" style="81" customWidth="1"/>
    <col min="2752" max="2752" width="12.75" style="81" customWidth="1"/>
    <col min="2753" max="2753" width="11" style="81" bestFit="1" customWidth="1"/>
    <col min="2754" max="2755" width="10" style="81" customWidth="1"/>
    <col min="2756" max="2756" width="12.875" style="81" customWidth="1"/>
    <col min="2757" max="2757" width="1.625" style="81" customWidth="1"/>
    <col min="2758" max="2762" width="9.625" style="81" customWidth="1"/>
    <col min="2763" max="2998" width="8.875" style="81"/>
    <col min="2999" max="2999" width="6.125" style="81" customWidth="1"/>
    <col min="3000" max="3000" width="31.375" style="81" customWidth="1"/>
    <col min="3001" max="3001" width="31.5" style="81" customWidth="1"/>
    <col min="3002" max="3002" width="4.875" style="81" customWidth="1"/>
    <col min="3003" max="3003" width="10.375" style="81" customWidth="1"/>
    <col min="3004" max="3004" width="13.5" style="81" customWidth="1"/>
    <col min="3005" max="3005" width="17.5" style="81" customWidth="1"/>
    <col min="3006" max="3006" width="19.75" style="81" customWidth="1"/>
    <col min="3007" max="3007" width="1.75" style="81" customWidth="1"/>
    <col min="3008" max="3008" width="12.75" style="81" customWidth="1"/>
    <col min="3009" max="3009" width="11" style="81" bestFit="1" customWidth="1"/>
    <col min="3010" max="3011" width="10" style="81" customWidth="1"/>
    <col min="3012" max="3012" width="12.875" style="81" customWidth="1"/>
    <col min="3013" max="3013" width="1.625" style="81" customWidth="1"/>
    <col min="3014" max="3018" width="9.625" style="81" customWidth="1"/>
    <col min="3019" max="3254" width="8.875" style="81"/>
    <col min="3255" max="3255" width="6.125" style="81" customWidth="1"/>
    <col min="3256" max="3256" width="31.375" style="81" customWidth="1"/>
    <col min="3257" max="3257" width="31.5" style="81" customWidth="1"/>
    <col min="3258" max="3258" width="4.875" style="81" customWidth="1"/>
    <col min="3259" max="3259" width="10.375" style="81" customWidth="1"/>
    <col min="3260" max="3260" width="13.5" style="81" customWidth="1"/>
    <col min="3261" max="3261" width="17.5" style="81" customWidth="1"/>
    <col min="3262" max="3262" width="19.75" style="81" customWidth="1"/>
    <col min="3263" max="3263" width="1.75" style="81" customWidth="1"/>
    <col min="3264" max="3264" width="12.75" style="81" customWidth="1"/>
    <col min="3265" max="3265" width="11" style="81" bestFit="1" customWidth="1"/>
    <col min="3266" max="3267" width="10" style="81" customWidth="1"/>
    <col min="3268" max="3268" width="12.875" style="81" customWidth="1"/>
    <col min="3269" max="3269" width="1.625" style="81" customWidth="1"/>
    <col min="3270" max="3274" width="9.625" style="81" customWidth="1"/>
    <col min="3275" max="3510" width="8.875" style="81"/>
    <col min="3511" max="3511" width="6.125" style="81" customWidth="1"/>
    <col min="3512" max="3512" width="31.375" style="81" customWidth="1"/>
    <col min="3513" max="3513" width="31.5" style="81" customWidth="1"/>
    <col min="3514" max="3514" width="4.875" style="81" customWidth="1"/>
    <col min="3515" max="3515" width="10.375" style="81" customWidth="1"/>
    <col min="3516" max="3516" width="13.5" style="81" customWidth="1"/>
    <col min="3517" max="3517" width="17.5" style="81" customWidth="1"/>
    <col min="3518" max="3518" width="19.75" style="81" customWidth="1"/>
    <col min="3519" max="3519" width="1.75" style="81" customWidth="1"/>
    <col min="3520" max="3520" width="12.75" style="81" customWidth="1"/>
    <col min="3521" max="3521" width="11" style="81" bestFit="1" customWidth="1"/>
    <col min="3522" max="3523" width="10" style="81" customWidth="1"/>
    <col min="3524" max="3524" width="12.875" style="81" customWidth="1"/>
    <col min="3525" max="3525" width="1.625" style="81" customWidth="1"/>
    <col min="3526" max="3530" width="9.625" style="81" customWidth="1"/>
    <col min="3531" max="3766" width="8.875" style="81"/>
    <col min="3767" max="3767" width="6.125" style="81" customWidth="1"/>
    <col min="3768" max="3768" width="31.375" style="81" customWidth="1"/>
    <col min="3769" max="3769" width="31.5" style="81" customWidth="1"/>
    <col min="3770" max="3770" width="4.875" style="81" customWidth="1"/>
    <col min="3771" max="3771" width="10.375" style="81" customWidth="1"/>
    <col min="3772" max="3772" width="13.5" style="81" customWidth="1"/>
    <col min="3773" max="3773" width="17.5" style="81" customWidth="1"/>
    <col min="3774" max="3774" width="19.75" style="81" customWidth="1"/>
    <col min="3775" max="3775" width="1.75" style="81" customWidth="1"/>
    <col min="3776" max="3776" width="12.75" style="81" customWidth="1"/>
    <col min="3777" max="3777" width="11" style="81" bestFit="1" customWidth="1"/>
    <col min="3778" max="3779" width="10" style="81" customWidth="1"/>
    <col min="3780" max="3780" width="12.875" style="81" customWidth="1"/>
    <col min="3781" max="3781" width="1.625" style="81" customWidth="1"/>
    <col min="3782" max="3786" width="9.625" style="81" customWidth="1"/>
    <col min="3787" max="4022" width="8.875" style="81"/>
    <col min="4023" max="4023" width="6.125" style="81" customWidth="1"/>
    <col min="4024" max="4024" width="31.375" style="81" customWidth="1"/>
    <col min="4025" max="4025" width="31.5" style="81" customWidth="1"/>
    <col min="4026" max="4026" width="4.875" style="81" customWidth="1"/>
    <col min="4027" max="4027" width="10.375" style="81" customWidth="1"/>
    <col min="4028" max="4028" width="13.5" style="81" customWidth="1"/>
    <col min="4029" max="4029" width="17.5" style="81" customWidth="1"/>
    <col min="4030" max="4030" width="19.75" style="81" customWidth="1"/>
    <col min="4031" max="4031" width="1.75" style="81" customWidth="1"/>
    <col min="4032" max="4032" width="12.75" style="81" customWidth="1"/>
    <col min="4033" max="4033" width="11" style="81" bestFit="1" customWidth="1"/>
    <col min="4034" max="4035" width="10" style="81" customWidth="1"/>
    <col min="4036" max="4036" width="12.875" style="81" customWidth="1"/>
    <col min="4037" max="4037" width="1.625" style="81" customWidth="1"/>
    <col min="4038" max="4042" width="9.625" style="81" customWidth="1"/>
    <col min="4043" max="4278" width="8.875" style="81"/>
    <col min="4279" max="4279" width="6.125" style="81" customWidth="1"/>
    <col min="4280" max="4280" width="31.375" style="81" customWidth="1"/>
    <col min="4281" max="4281" width="31.5" style="81" customWidth="1"/>
    <col min="4282" max="4282" width="4.875" style="81" customWidth="1"/>
    <col min="4283" max="4283" width="10.375" style="81" customWidth="1"/>
    <col min="4284" max="4284" width="13.5" style="81" customWidth="1"/>
    <col min="4285" max="4285" width="17.5" style="81" customWidth="1"/>
    <col min="4286" max="4286" width="19.75" style="81" customWidth="1"/>
    <col min="4287" max="4287" width="1.75" style="81" customWidth="1"/>
    <col min="4288" max="4288" width="12.75" style="81" customWidth="1"/>
    <col min="4289" max="4289" width="11" style="81" bestFit="1" customWidth="1"/>
    <col min="4290" max="4291" width="10" style="81" customWidth="1"/>
    <col min="4292" max="4292" width="12.875" style="81" customWidth="1"/>
    <col min="4293" max="4293" width="1.625" style="81" customWidth="1"/>
    <col min="4294" max="4298" width="9.625" style="81" customWidth="1"/>
    <col min="4299" max="4534" width="8.875" style="81"/>
    <col min="4535" max="4535" width="6.125" style="81" customWidth="1"/>
    <col min="4536" max="4536" width="31.375" style="81" customWidth="1"/>
    <col min="4537" max="4537" width="31.5" style="81" customWidth="1"/>
    <col min="4538" max="4538" width="4.875" style="81" customWidth="1"/>
    <col min="4539" max="4539" width="10.375" style="81" customWidth="1"/>
    <col min="4540" max="4540" width="13.5" style="81" customWidth="1"/>
    <col min="4541" max="4541" width="17.5" style="81" customWidth="1"/>
    <col min="4542" max="4542" width="19.75" style="81" customWidth="1"/>
    <col min="4543" max="4543" width="1.75" style="81" customWidth="1"/>
    <col min="4544" max="4544" width="12.75" style="81" customWidth="1"/>
    <col min="4545" max="4545" width="11" style="81" bestFit="1" customWidth="1"/>
    <col min="4546" max="4547" width="10" style="81" customWidth="1"/>
    <col min="4548" max="4548" width="12.875" style="81" customWidth="1"/>
    <col min="4549" max="4549" width="1.625" style="81" customWidth="1"/>
    <col min="4550" max="4554" width="9.625" style="81" customWidth="1"/>
    <col min="4555" max="4790" width="8.875" style="81"/>
    <col min="4791" max="4791" width="6.125" style="81" customWidth="1"/>
    <col min="4792" max="4792" width="31.375" style="81" customWidth="1"/>
    <col min="4793" max="4793" width="31.5" style="81" customWidth="1"/>
    <col min="4794" max="4794" width="4.875" style="81" customWidth="1"/>
    <col min="4795" max="4795" width="10.375" style="81" customWidth="1"/>
    <col min="4796" max="4796" width="13.5" style="81" customWidth="1"/>
    <col min="4797" max="4797" width="17.5" style="81" customWidth="1"/>
    <col min="4798" max="4798" width="19.75" style="81" customWidth="1"/>
    <col min="4799" max="4799" width="1.75" style="81" customWidth="1"/>
    <col min="4800" max="4800" width="12.75" style="81" customWidth="1"/>
    <col min="4801" max="4801" width="11" style="81" bestFit="1" customWidth="1"/>
    <col min="4802" max="4803" width="10" style="81" customWidth="1"/>
    <col min="4804" max="4804" width="12.875" style="81" customWidth="1"/>
    <col min="4805" max="4805" width="1.625" style="81" customWidth="1"/>
    <col min="4806" max="4810" width="9.625" style="81" customWidth="1"/>
    <col min="4811" max="5046" width="8.875" style="81"/>
    <col min="5047" max="5047" width="6.125" style="81" customWidth="1"/>
    <col min="5048" max="5048" width="31.375" style="81" customWidth="1"/>
    <col min="5049" max="5049" width="31.5" style="81" customWidth="1"/>
    <col min="5050" max="5050" width="4.875" style="81" customWidth="1"/>
    <col min="5051" max="5051" width="10.375" style="81" customWidth="1"/>
    <col min="5052" max="5052" width="13.5" style="81" customWidth="1"/>
    <col min="5053" max="5053" width="17.5" style="81" customWidth="1"/>
    <col min="5054" max="5054" width="19.75" style="81" customWidth="1"/>
    <col min="5055" max="5055" width="1.75" style="81" customWidth="1"/>
    <col min="5056" max="5056" width="12.75" style="81" customWidth="1"/>
    <col min="5057" max="5057" width="11" style="81" bestFit="1" customWidth="1"/>
    <col min="5058" max="5059" width="10" style="81" customWidth="1"/>
    <col min="5060" max="5060" width="12.875" style="81" customWidth="1"/>
    <col min="5061" max="5061" width="1.625" style="81" customWidth="1"/>
    <col min="5062" max="5066" width="9.625" style="81" customWidth="1"/>
    <col min="5067" max="5302" width="8.875" style="81"/>
    <col min="5303" max="5303" width="6.125" style="81" customWidth="1"/>
    <col min="5304" max="5304" width="31.375" style="81" customWidth="1"/>
    <col min="5305" max="5305" width="31.5" style="81" customWidth="1"/>
    <col min="5306" max="5306" width="4.875" style="81" customWidth="1"/>
    <col min="5307" max="5307" width="10.375" style="81" customWidth="1"/>
    <col min="5308" max="5308" width="13.5" style="81" customWidth="1"/>
    <col min="5309" max="5309" width="17.5" style="81" customWidth="1"/>
    <col min="5310" max="5310" width="19.75" style="81" customWidth="1"/>
    <col min="5311" max="5311" width="1.75" style="81" customWidth="1"/>
    <col min="5312" max="5312" width="12.75" style="81" customWidth="1"/>
    <col min="5313" max="5313" width="11" style="81" bestFit="1" customWidth="1"/>
    <col min="5314" max="5315" width="10" style="81" customWidth="1"/>
    <col min="5316" max="5316" width="12.875" style="81" customWidth="1"/>
    <col min="5317" max="5317" width="1.625" style="81" customWidth="1"/>
    <col min="5318" max="5322" width="9.625" style="81" customWidth="1"/>
    <col min="5323" max="5558" width="8.875" style="81"/>
    <col min="5559" max="5559" width="6.125" style="81" customWidth="1"/>
    <col min="5560" max="5560" width="31.375" style="81" customWidth="1"/>
    <col min="5561" max="5561" width="31.5" style="81" customWidth="1"/>
    <col min="5562" max="5562" width="4.875" style="81" customWidth="1"/>
    <col min="5563" max="5563" width="10.375" style="81" customWidth="1"/>
    <col min="5564" max="5564" width="13.5" style="81" customWidth="1"/>
    <col min="5565" max="5565" width="17.5" style="81" customWidth="1"/>
    <col min="5566" max="5566" width="19.75" style="81" customWidth="1"/>
    <col min="5567" max="5567" width="1.75" style="81" customWidth="1"/>
    <col min="5568" max="5568" width="12.75" style="81" customWidth="1"/>
    <col min="5569" max="5569" width="11" style="81" bestFit="1" customWidth="1"/>
    <col min="5570" max="5571" width="10" style="81" customWidth="1"/>
    <col min="5572" max="5572" width="12.875" style="81" customWidth="1"/>
    <col min="5573" max="5573" width="1.625" style="81" customWidth="1"/>
    <col min="5574" max="5578" width="9.625" style="81" customWidth="1"/>
    <col min="5579" max="5814" width="8.875" style="81"/>
    <col min="5815" max="5815" width="6.125" style="81" customWidth="1"/>
    <col min="5816" max="5816" width="31.375" style="81" customWidth="1"/>
    <col min="5817" max="5817" width="31.5" style="81" customWidth="1"/>
    <col min="5818" max="5818" width="4.875" style="81" customWidth="1"/>
    <col min="5819" max="5819" width="10.375" style="81" customWidth="1"/>
    <col min="5820" max="5820" width="13.5" style="81" customWidth="1"/>
    <col min="5821" max="5821" width="17.5" style="81" customWidth="1"/>
    <col min="5822" max="5822" width="19.75" style="81" customWidth="1"/>
    <col min="5823" max="5823" width="1.75" style="81" customWidth="1"/>
    <col min="5824" max="5824" width="12.75" style="81" customWidth="1"/>
    <col min="5825" max="5825" width="11" style="81" bestFit="1" customWidth="1"/>
    <col min="5826" max="5827" width="10" style="81" customWidth="1"/>
    <col min="5828" max="5828" width="12.875" style="81" customWidth="1"/>
    <col min="5829" max="5829" width="1.625" style="81" customWidth="1"/>
    <col min="5830" max="5834" width="9.625" style="81" customWidth="1"/>
    <col min="5835" max="6070" width="8.875" style="81"/>
    <col min="6071" max="6071" width="6.125" style="81" customWidth="1"/>
    <col min="6072" max="6072" width="31.375" style="81" customWidth="1"/>
    <col min="6073" max="6073" width="31.5" style="81" customWidth="1"/>
    <col min="6074" max="6074" width="4.875" style="81" customWidth="1"/>
    <col min="6075" max="6075" width="10.375" style="81" customWidth="1"/>
    <col min="6076" max="6076" width="13.5" style="81" customWidth="1"/>
    <col min="6077" max="6077" width="17.5" style="81" customWidth="1"/>
    <col min="6078" max="6078" width="19.75" style="81" customWidth="1"/>
    <col min="6079" max="6079" width="1.75" style="81" customWidth="1"/>
    <col min="6080" max="6080" width="12.75" style="81" customWidth="1"/>
    <col min="6081" max="6081" width="11" style="81" bestFit="1" customWidth="1"/>
    <col min="6082" max="6083" width="10" style="81" customWidth="1"/>
    <col min="6084" max="6084" width="12.875" style="81" customWidth="1"/>
    <col min="6085" max="6085" width="1.625" style="81" customWidth="1"/>
    <col min="6086" max="6090" width="9.625" style="81" customWidth="1"/>
    <col min="6091" max="6326" width="8.875" style="81"/>
    <col min="6327" max="6327" width="6.125" style="81" customWidth="1"/>
    <col min="6328" max="6328" width="31.375" style="81" customWidth="1"/>
    <col min="6329" max="6329" width="31.5" style="81" customWidth="1"/>
    <col min="6330" max="6330" width="4.875" style="81" customWidth="1"/>
    <col min="6331" max="6331" width="10.375" style="81" customWidth="1"/>
    <col min="6332" max="6332" width="13.5" style="81" customWidth="1"/>
    <col min="6333" max="6333" width="17.5" style="81" customWidth="1"/>
    <col min="6334" max="6334" width="19.75" style="81" customWidth="1"/>
    <col min="6335" max="6335" width="1.75" style="81" customWidth="1"/>
    <col min="6336" max="6336" width="12.75" style="81" customWidth="1"/>
    <col min="6337" max="6337" width="11" style="81" bestFit="1" customWidth="1"/>
    <col min="6338" max="6339" width="10" style="81" customWidth="1"/>
    <col min="6340" max="6340" width="12.875" style="81" customWidth="1"/>
    <col min="6341" max="6341" width="1.625" style="81" customWidth="1"/>
    <col min="6342" max="6346" width="9.625" style="81" customWidth="1"/>
    <col min="6347" max="6582" width="8.875" style="81"/>
    <col min="6583" max="6583" width="6.125" style="81" customWidth="1"/>
    <col min="6584" max="6584" width="31.375" style="81" customWidth="1"/>
    <col min="6585" max="6585" width="31.5" style="81" customWidth="1"/>
    <col min="6586" max="6586" width="4.875" style="81" customWidth="1"/>
    <col min="6587" max="6587" width="10.375" style="81" customWidth="1"/>
    <col min="6588" max="6588" width="13.5" style="81" customWidth="1"/>
    <col min="6589" max="6589" width="17.5" style="81" customWidth="1"/>
    <col min="6590" max="6590" width="19.75" style="81" customWidth="1"/>
    <col min="6591" max="6591" width="1.75" style="81" customWidth="1"/>
    <col min="6592" max="6592" width="12.75" style="81" customWidth="1"/>
    <col min="6593" max="6593" width="11" style="81" bestFit="1" customWidth="1"/>
    <col min="6594" max="6595" width="10" style="81" customWidth="1"/>
    <col min="6596" max="6596" width="12.875" style="81" customWidth="1"/>
    <col min="6597" max="6597" width="1.625" style="81" customWidth="1"/>
    <col min="6598" max="6602" width="9.625" style="81" customWidth="1"/>
    <col min="6603" max="6838" width="8.875" style="81"/>
    <col min="6839" max="6839" width="6.125" style="81" customWidth="1"/>
    <col min="6840" max="6840" width="31.375" style="81" customWidth="1"/>
    <col min="6841" max="6841" width="31.5" style="81" customWidth="1"/>
    <col min="6842" max="6842" width="4.875" style="81" customWidth="1"/>
    <col min="6843" max="6843" width="10.375" style="81" customWidth="1"/>
    <col min="6844" max="6844" width="13.5" style="81" customWidth="1"/>
    <col min="6845" max="6845" width="17.5" style="81" customWidth="1"/>
    <col min="6846" max="6846" width="19.75" style="81" customWidth="1"/>
    <col min="6847" max="6847" width="1.75" style="81" customWidth="1"/>
    <col min="6848" max="6848" width="12.75" style="81" customWidth="1"/>
    <col min="6849" max="6849" width="11" style="81" bestFit="1" customWidth="1"/>
    <col min="6850" max="6851" width="10" style="81" customWidth="1"/>
    <col min="6852" max="6852" width="12.875" style="81" customWidth="1"/>
    <col min="6853" max="6853" width="1.625" style="81" customWidth="1"/>
    <col min="6854" max="6858" width="9.625" style="81" customWidth="1"/>
    <col min="6859" max="7094" width="8.875" style="81"/>
    <col min="7095" max="7095" width="6.125" style="81" customWidth="1"/>
    <col min="7096" max="7096" width="31.375" style="81" customWidth="1"/>
    <col min="7097" max="7097" width="31.5" style="81" customWidth="1"/>
    <col min="7098" max="7098" width="4.875" style="81" customWidth="1"/>
    <col min="7099" max="7099" width="10.375" style="81" customWidth="1"/>
    <col min="7100" max="7100" width="13.5" style="81" customWidth="1"/>
    <col min="7101" max="7101" width="17.5" style="81" customWidth="1"/>
    <col min="7102" max="7102" width="19.75" style="81" customWidth="1"/>
    <col min="7103" max="7103" width="1.75" style="81" customWidth="1"/>
    <col min="7104" max="7104" width="12.75" style="81" customWidth="1"/>
    <col min="7105" max="7105" width="11" style="81" bestFit="1" customWidth="1"/>
    <col min="7106" max="7107" width="10" style="81" customWidth="1"/>
    <col min="7108" max="7108" width="12.875" style="81" customWidth="1"/>
    <col min="7109" max="7109" width="1.625" style="81" customWidth="1"/>
    <col min="7110" max="7114" width="9.625" style="81" customWidth="1"/>
    <col min="7115" max="7350" width="8.875" style="81"/>
    <col min="7351" max="7351" width="6.125" style="81" customWidth="1"/>
    <col min="7352" max="7352" width="31.375" style="81" customWidth="1"/>
    <col min="7353" max="7353" width="31.5" style="81" customWidth="1"/>
    <col min="7354" max="7354" width="4.875" style="81" customWidth="1"/>
    <col min="7355" max="7355" width="10.375" style="81" customWidth="1"/>
    <col min="7356" max="7356" width="13.5" style="81" customWidth="1"/>
    <col min="7357" max="7357" width="17.5" style="81" customWidth="1"/>
    <col min="7358" max="7358" width="19.75" style="81" customWidth="1"/>
    <col min="7359" max="7359" width="1.75" style="81" customWidth="1"/>
    <col min="7360" max="7360" width="12.75" style="81" customWidth="1"/>
    <col min="7361" max="7361" width="11" style="81" bestFit="1" customWidth="1"/>
    <col min="7362" max="7363" width="10" style="81" customWidth="1"/>
    <col min="7364" max="7364" width="12.875" style="81" customWidth="1"/>
    <col min="7365" max="7365" width="1.625" style="81" customWidth="1"/>
    <col min="7366" max="7370" width="9.625" style="81" customWidth="1"/>
    <col min="7371" max="7606" width="8.875" style="81"/>
    <col min="7607" max="7607" width="6.125" style="81" customWidth="1"/>
    <col min="7608" max="7608" width="31.375" style="81" customWidth="1"/>
    <col min="7609" max="7609" width="31.5" style="81" customWidth="1"/>
    <col min="7610" max="7610" width="4.875" style="81" customWidth="1"/>
    <col min="7611" max="7611" width="10.375" style="81" customWidth="1"/>
    <col min="7612" max="7612" width="13.5" style="81" customWidth="1"/>
    <col min="7613" max="7613" width="17.5" style="81" customWidth="1"/>
    <col min="7614" max="7614" width="19.75" style="81" customWidth="1"/>
    <col min="7615" max="7615" width="1.75" style="81" customWidth="1"/>
    <col min="7616" max="7616" width="12.75" style="81" customWidth="1"/>
    <col min="7617" max="7617" width="11" style="81" bestFit="1" customWidth="1"/>
    <col min="7618" max="7619" width="10" style="81" customWidth="1"/>
    <col min="7620" max="7620" width="12.875" style="81" customWidth="1"/>
    <col min="7621" max="7621" width="1.625" style="81" customWidth="1"/>
    <col min="7622" max="7626" width="9.625" style="81" customWidth="1"/>
    <col min="7627" max="7862" width="8.875" style="81"/>
    <col min="7863" max="7863" width="6.125" style="81" customWidth="1"/>
    <col min="7864" max="7864" width="31.375" style="81" customWidth="1"/>
    <col min="7865" max="7865" width="31.5" style="81" customWidth="1"/>
    <col min="7866" max="7866" width="4.875" style="81" customWidth="1"/>
    <col min="7867" max="7867" width="10.375" style="81" customWidth="1"/>
    <col min="7868" max="7868" width="13.5" style="81" customWidth="1"/>
    <col min="7869" max="7869" width="17.5" style="81" customWidth="1"/>
    <col min="7870" max="7870" width="19.75" style="81" customWidth="1"/>
    <col min="7871" max="7871" width="1.75" style="81" customWidth="1"/>
    <col min="7872" max="7872" width="12.75" style="81" customWidth="1"/>
    <col min="7873" max="7873" width="11" style="81" bestFit="1" customWidth="1"/>
    <col min="7874" max="7875" width="10" style="81" customWidth="1"/>
    <col min="7876" max="7876" width="12.875" style="81" customWidth="1"/>
    <col min="7877" max="7877" width="1.625" style="81" customWidth="1"/>
    <col min="7878" max="7882" width="9.625" style="81" customWidth="1"/>
    <col min="7883" max="8118" width="8.875" style="81"/>
    <col min="8119" max="8119" width="6.125" style="81" customWidth="1"/>
    <col min="8120" max="8120" width="31.375" style="81" customWidth="1"/>
    <col min="8121" max="8121" width="31.5" style="81" customWidth="1"/>
    <col min="8122" max="8122" width="4.875" style="81" customWidth="1"/>
    <col min="8123" max="8123" width="10.375" style="81" customWidth="1"/>
    <col min="8124" max="8124" width="13.5" style="81" customWidth="1"/>
    <col min="8125" max="8125" width="17.5" style="81" customWidth="1"/>
    <col min="8126" max="8126" width="19.75" style="81" customWidth="1"/>
    <col min="8127" max="8127" width="1.75" style="81" customWidth="1"/>
    <col min="8128" max="8128" width="12.75" style="81" customWidth="1"/>
    <col min="8129" max="8129" width="11" style="81" bestFit="1" customWidth="1"/>
    <col min="8130" max="8131" width="10" style="81" customWidth="1"/>
    <col min="8132" max="8132" width="12.875" style="81" customWidth="1"/>
    <col min="8133" max="8133" width="1.625" style="81" customWidth="1"/>
    <col min="8134" max="8138" width="9.625" style="81" customWidth="1"/>
    <col min="8139" max="8374" width="8.875" style="81"/>
    <col min="8375" max="8375" width="6.125" style="81" customWidth="1"/>
    <col min="8376" max="8376" width="31.375" style="81" customWidth="1"/>
    <col min="8377" max="8377" width="31.5" style="81" customWidth="1"/>
    <col min="8378" max="8378" width="4.875" style="81" customWidth="1"/>
    <col min="8379" max="8379" width="10.375" style="81" customWidth="1"/>
    <col min="8380" max="8380" width="13.5" style="81" customWidth="1"/>
    <col min="8381" max="8381" width="17.5" style="81" customWidth="1"/>
    <col min="8382" max="8382" width="19.75" style="81" customWidth="1"/>
    <col min="8383" max="8383" width="1.75" style="81" customWidth="1"/>
    <col min="8384" max="8384" width="12.75" style="81" customWidth="1"/>
    <col min="8385" max="8385" width="11" style="81" bestFit="1" customWidth="1"/>
    <col min="8386" max="8387" width="10" style="81" customWidth="1"/>
    <col min="8388" max="8388" width="12.875" style="81" customWidth="1"/>
    <col min="8389" max="8389" width="1.625" style="81" customWidth="1"/>
    <col min="8390" max="8394" width="9.625" style="81" customWidth="1"/>
    <col min="8395" max="8630" width="8.875" style="81"/>
    <col min="8631" max="8631" width="6.125" style="81" customWidth="1"/>
    <col min="8632" max="8632" width="31.375" style="81" customWidth="1"/>
    <col min="8633" max="8633" width="31.5" style="81" customWidth="1"/>
    <col min="8634" max="8634" width="4.875" style="81" customWidth="1"/>
    <col min="8635" max="8635" width="10.375" style="81" customWidth="1"/>
    <col min="8636" max="8636" width="13.5" style="81" customWidth="1"/>
    <col min="8637" max="8637" width="17.5" style="81" customWidth="1"/>
    <col min="8638" max="8638" width="19.75" style="81" customWidth="1"/>
    <col min="8639" max="8639" width="1.75" style="81" customWidth="1"/>
    <col min="8640" max="8640" width="12.75" style="81" customWidth="1"/>
    <col min="8641" max="8641" width="11" style="81" bestFit="1" customWidth="1"/>
    <col min="8642" max="8643" width="10" style="81" customWidth="1"/>
    <col min="8644" max="8644" width="12.875" style="81" customWidth="1"/>
    <col min="8645" max="8645" width="1.625" style="81" customWidth="1"/>
    <col min="8646" max="8650" width="9.625" style="81" customWidth="1"/>
    <col min="8651" max="8886" width="8.875" style="81"/>
    <col min="8887" max="8887" width="6.125" style="81" customWidth="1"/>
    <col min="8888" max="8888" width="31.375" style="81" customWidth="1"/>
    <col min="8889" max="8889" width="31.5" style="81" customWidth="1"/>
    <col min="8890" max="8890" width="4.875" style="81" customWidth="1"/>
    <col min="8891" max="8891" width="10.375" style="81" customWidth="1"/>
    <col min="8892" max="8892" width="13.5" style="81" customWidth="1"/>
    <col min="8893" max="8893" width="17.5" style="81" customWidth="1"/>
    <col min="8894" max="8894" width="19.75" style="81" customWidth="1"/>
    <col min="8895" max="8895" width="1.75" style="81" customWidth="1"/>
    <col min="8896" max="8896" width="12.75" style="81" customWidth="1"/>
    <col min="8897" max="8897" width="11" style="81" bestFit="1" customWidth="1"/>
    <col min="8898" max="8899" width="10" style="81" customWidth="1"/>
    <col min="8900" max="8900" width="12.875" style="81" customWidth="1"/>
    <col min="8901" max="8901" width="1.625" style="81" customWidth="1"/>
    <col min="8902" max="8906" width="9.625" style="81" customWidth="1"/>
    <col min="8907" max="9142" width="8.875" style="81"/>
    <col min="9143" max="9143" width="6.125" style="81" customWidth="1"/>
    <col min="9144" max="9144" width="31.375" style="81" customWidth="1"/>
    <col min="9145" max="9145" width="31.5" style="81" customWidth="1"/>
    <col min="9146" max="9146" width="4.875" style="81" customWidth="1"/>
    <col min="9147" max="9147" width="10.375" style="81" customWidth="1"/>
    <col min="9148" max="9148" width="13.5" style="81" customWidth="1"/>
    <col min="9149" max="9149" width="17.5" style="81" customWidth="1"/>
    <col min="9150" max="9150" width="19.75" style="81" customWidth="1"/>
    <col min="9151" max="9151" width="1.75" style="81" customWidth="1"/>
    <col min="9152" max="9152" width="12.75" style="81" customWidth="1"/>
    <col min="9153" max="9153" width="11" style="81" bestFit="1" customWidth="1"/>
    <col min="9154" max="9155" width="10" style="81" customWidth="1"/>
    <col min="9156" max="9156" width="12.875" style="81" customWidth="1"/>
    <col min="9157" max="9157" width="1.625" style="81" customWidth="1"/>
    <col min="9158" max="9162" width="9.625" style="81" customWidth="1"/>
    <col min="9163" max="9398" width="8.875" style="81"/>
    <col min="9399" max="9399" width="6.125" style="81" customWidth="1"/>
    <col min="9400" max="9400" width="31.375" style="81" customWidth="1"/>
    <col min="9401" max="9401" width="31.5" style="81" customWidth="1"/>
    <col min="9402" max="9402" width="4.875" style="81" customWidth="1"/>
    <col min="9403" max="9403" width="10.375" style="81" customWidth="1"/>
    <col min="9404" max="9404" width="13.5" style="81" customWidth="1"/>
    <col min="9405" max="9405" width="17.5" style="81" customWidth="1"/>
    <col min="9406" max="9406" width="19.75" style="81" customWidth="1"/>
    <col min="9407" max="9407" width="1.75" style="81" customWidth="1"/>
    <col min="9408" max="9408" width="12.75" style="81" customWidth="1"/>
    <col min="9409" max="9409" width="11" style="81" bestFit="1" customWidth="1"/>
    <col min="9410" max="9411" width="10" style="81" customWidth="1"/>
    <col min="9412" max="9412" width="12.875" style="81" customWidth="1"/>
    <col min="9413" max="9413" width="1.625" style="81" customWidth="1"/>
    <col min="9414" max="9418" width="9.625" style="81" customWidth="1"/>
    <col min="9419" max="9654" width="8.875" style="81"/>
    <col min="9655" max="9655" width="6.125" style="81" customWidth="1"/>
    <col min="9656" max="9656" width="31.375" style="81" customWidth="1"/>
    <col min="9657" max="9657" width="31.5" style="81" customWidth="1"/>
    <col min="9658" max="9658" width="4.875" style="81" customWidth="1"/>
    <col min="9659" max="9659" width="10.375" style="81" customWidth="1"/>
    <col min="9660" max="9660" width="13.5" style="81" customWidth="1"/>
    <col min="9661" max="9661" width="17.5" style="81" customWidth="1"/>
    <col min="9662" max="9662" width="19.75" style="81" customWidth="1"/>
    <col min="9663" max="9663" width="1.75" style="81" customWidth="1"/>
    <col min="9664" max="9664" width="12.75" style="81" customWidth="1"/>
    <col min="9665" max="9665" width="11" style="81" bestFit="1" customWidth="1"/>
    <col min="9666" max="9667" width="10" style="81" customWidth="1"/>
    <col min="9668" max="9668" width="12.875" style="81" customWidth="1"/>
    <col min="9669" max="9669" width="1.625" style="81" customWidth="1"/>
    <col min="9670" max="9674" width="9.625" style="81" customWidth="1"/>
    <col min="9675" max="9910" width="8.875" style="81"/>
    <col min="9911" max="9911" width="6.125" style="81" customWidth="1"/>
    <col min="9912" max="9912" width="31.375" style="81" customWidth="1"/>
    <col min="9913" max="9913" width="31.5" style="81" customWidth="1"/>
    <col min="9914" max="9914" width="4.875" style="81" customWidth="1"/>
    <col min="9915" max="9915" width="10.375" style="81" customWidth="1"/>
    <col min="9916" max="9916" width="13.5" style="81" customWidth="1"/>
    <col min="9917" max="9917" width="17.5" style="81" customWidth="1"/>
    <col min="9918" max="9918" width="19.75" style="81" customWidth="1"/>
    <col min="9919" max="9919" width="1.75" style="81" customWidth="1"/>
    <col min="9920" max="9920" width="12.75" style="81" customWidth="1"/>
    <col min="9921" max="9921" width="11" style="81" bestFit="1" customWidth="1"/>
    <col min="9922" max="9923" width="10" style="81" customWidth="1"/>
    <col min="9924" max="9924" width="12.875" style="81" customWidth="1"/>
    <col min="9925" max="9925" width="1.625" style="81" customWidth="1"/>
    <col min="9926" max="9930" width="9.625" style="81" customWidth="1"/>
    <col min="9931" max="10166" width="8.875" style="81"/>
    <col min="10167" max="10167" width="6.125" style="81" customWidth="1"/>
    <col min="10168" max="10168" width="31.375" style="81" customWidth="1"/>
    <col min="10169" max="10169" width="31.5" style="81" customWidth="1"/>
    <col min="10170" max="10170" width="4.875" style="81" customWidth="1"/>
    <col min="10171" max="10171" width="10.375" style="81" customWidth="1"/>
    <col min="10172" max="10172" width="13.5" style="81" customWidth="1"/>
    <col min="10173" max="10173" width="17.5" style="81" customWidth="1"/>
    <col min="10174" max="10174" width="19.75" style="81" customWidth="1"/>
    <col min="10175" max="10175" width="1.75" style="81" customWidth="1"/>
    <col min="10176" max="10176" width="12.75" style="81" customWidth="1"/>
    <col min="10177" max="10177" width="11" style="81" bestFit="1" customWidth="1"/>
    <col min="10178" max="10179" width="10" style="81" customWidth="1"/>
    <col min="10180" max="10180" width="12.875" style="81" customWidth="1"/>
    <col min="10181" max="10181" width="1.625" style="81" customWidth="1"/>
    <col min="10182" max="10186" width="9.625" style="81" customWidth="1"/>
    <col min="10187" max="10422" width="8.875" style="81"/>
    <col min="10423" max="10423" width="6.125" style="81" customWidth="1"/>
    <col min="10424" max="10424" width="31.375" style="81" customWidth="1"/>
    <col min="10425" max="10425" width="31.5" style="81" customWidth="1"/>
    <col min="10426" max="10426" width="4.875" style="81" customWidth="1"/>
    <col min="10427" max="10427" width="10.375" style="81" customWidth="1"/>
    <col min="10428" max="10428" width="13.5" style="81" customWidth="1"/>
    <col min="10429" max="10429" width="17.5" style="81" customWidth="1"/>
    <col min="10430" max="10430" width="19.75" style="81" customWidth="1"/>
    <col min="10431" max="10431" width="1.75" style="81" customWidth="1"/>
    <col min="10432" max="10432" width="12.75" style="81" customWidth="1"/>
    <col min="10433" max="10433" width="11" style="81" bestFit="1" customWidth="1"/>
    <col min="10434" max="10435" width="10" style="81" customWidth="1"/>
    <col min="10436" max="10436" width="12.875" style="81" customWidth="1"/>
    <col min="10437" max="10437" width="1.625" style="81" customWidth="1"/>
    <col min="10438" max="10442" width="9.625" style="81" customWidth="1"/>
    <col min="10443" max="10678" width="8.875" style="81"/>
    <col min="10679" max="10679" width="6.125" style="81" customWidth="1"/>
    <col min="10680" max="10680" width="31.375" style="81" customWidth="1"/>
    <col min="10681" max="10681" width="31.5" style="81" customWidth="1"/>
    <col min="10682" max="10682" width="4.875" style="81" customWidth="1"/>
    <col min="10683" max="10683" width="10.375" style="81" customWidth="1"/>
    <col min="10684" max="10684" width="13.5" style="81" customWidth="1"/>
    <col min="10685" max="10685" width="17.5" style="81" customWidth="1"/>
    <col min="10686" max="10686" width="19.75" style="81" customWidth="1"/>
    <col min="10687" max="10687" width="1.75" style="81" customWidth="1"/>
    <col min="10688" max="10688" width="12.75" style="81" customWidth="1"/>
    <col min="10689" max="10689" width="11" style="81" bestFit="1" customWidth="1"/>
    <col min="10690" max="10691" width="10" style="81" customWidth="1"/>
    <col min="10692" max="10692" width="12.875" style="81" customWidth="1"/>
    <col min="10693" max="10693" width="1.625" style="81" customWidth="1"/>
    <col min="10694" max="10698" width="9.625" style="81" customWidth="1"/>
    <col min="10699" max="10934" width="8.875" style="81"/>
    <col min="10935" max="10935" width="6.125" style="81" customWidth="1"/>
    <col min="10936" max="10936" width="31.375" style="81" customWidth="1"/>
    <col min="10937" max="10937" width="31.5" style="81" customWidth="1"/>
    <col min="10938" max="10938" width="4.875" style="81" customWidth="1"/>
    <col min="10939" max="10939" width="10.375" style="81" customWidth="1"/>
    <col min="10940" max="10940" width="13.5" style="81" customWidth="1"/>
    <col min="10941" max="10941" width="17.5" style="81" customWidth="1"/>
    <col min="10942" max="10942" width="19.75" style="81" customWidth="1"/>
    <col min="10943" max="10943" width="1.75" style="81" customWidth="1"/>
    <col min="10944" max="10944" width="12.75" style="81" customWidth="1"/>
    <col min="10945" max="10945" width="11" style="81" bestFit="1" customWidth="1"/>
    <col min="10946" max="10947" width="10" style="81" customWidth="1"/>
    <col min="10948" max="10948" width="12.875" style="81" customWidth="1"/>
    <col min="10949" max="10949" width="1.625" style="81" customWidth="1"/>
    <col min="10950" max="10954" width="9.625" style="81" customWidth="1"/>
    <col min="10955" max="11190" width="8.875" style="81"/>
    <col min="11191" max="11191" width="6.125" style="81" customWidth="1"/>
    <col min="11192" max="11192" width="31.375" style="81" customWidth="1"/>
    <col min="11193" max="11193" width="31.5" style="81" customWidth="1"/>
    <col min="11194" max="11194" width="4.875" style="81" customWidth="1"/>
    <col min="11195" max="11195" width="10.375" style="81" customWidth="1"/>
    <col min="11196" max="11196" width="13.5" style="81" customWidth="1"/>
    <col min="11197" max="11197" width="17.5" style="81" customWidth="1"/>
    <col min="11198" max="11198" width="19.75" style="81" customWidth="1"/>
    <col min="11199" max="11199" width="1.75" style="81" customWidth="1"/>
    <col min="11200" max="11200" width="12.75" style="81" customWidth="1"/>
    <col min="11201" max="11201" width="11" style="81" bestFit="1" customWidth="1"/>
    <col min="11202" max="11203" width="10" style="81" customWidth="1"/>
    <col min="11204" max="11204" width="12.875" style="81" customWidth="1"/>
    <col min="11205" max="11205" width="1.625" style="81" customWidth="1"/>
    <col min="11206" max="11210" width="9.625" style="81" customWidth="1"/>
    <col min="11211" max="11446" width="8.875" style="81"/>
    <col min="11447" max="11447" width="6.125" style="81" customWidth="1"/>
    <col min="11448" max="11448" width="31.375" style="81" customWidth="1"/>
    <col min="11449" max="11449" width="31.5" style="81" customWidth="1"/>
    <col min="11450" max="11450" width="4.875" style="81" customWidth="1"/>
    <col min="11451" max="11451" width="10.375" style="81" customWidth="1"/>
    <col min="11452" max="11452" width="13.5" style="81" customWidth="1"/>
    <col min="11453" max="11453" width="17.5" style="81" customWidth="1"/>
    <col min="11454" max="11454" width="19.75" style="81" customWidth="1"/>
    <col min="11455" max="11455" width="1.75" style="81" customWidth="1"/>
    <col min="11456" max="11456" width="12.75" style="81" customWidth="1"/>
    <col min="11457" max="11457" width="11" style="81" bestFit="1" customWidth="1"/>
    <col min="11458" max="11459" width="10" style="81" customWidth="1"/>
    <col min="11460" max="11460" width="12.875" style="81" customWidth="1"/>
    <col min="11461" max="11461" width="1.625" style="81" customWidth="1"/>
    <col min="11462" max="11466" width="9.625" style="81" customWidth="1"/>
    <col min="11467" max="11702" width="8.875" style="81"/>
    <col min="11703" max="11703" width="6.125" style="81" customWidth="1"/>
    <col min="11704" max="11704" width="31.375" style="81" customWidth="1"/>
    <col min="11705" max="11705" width="31.5" style="81" customWidth="1"/>
    <col min="11706" max="11706" width="4.875" style="81" customWidth="1"/>
    <col min="11707" max="11707" width="10.375" style="81" customWidth="1"/>
    <col min="11708" max="11708" width="13.5" style="81" customWidth="1"/>
    <col min="11709" max="11709" width="17.5" style="81" customWidth="1"/>
    <col min="11710" max="11710" width="19.75" style="81" customWidth="1"/>
    <col min="11711" max="11711" width="1.75" style="81" customWidth="1"/>
    <col min="11712" max="11712" width="12.75" style="81" customWidth="1"/>
    <col min="11713" max="11713" width="11" style="81" bestFit="1" customWidth="1"/>
    <col min="11714" max="11715" width="10" style="81" customWidth="1"/>
    <col min="11716" max="11716" width="12.875" style="81" customWidth="1"/>
    <col min="11717" max="11717" width="1.625" style="81" customWidth="1"/>
    <col min="11718" max="11722" width="9.625" style="81" customWidth="1"/>
    <col min="11723" max="11958" width="8.875" style="81"/>
    <col min="11959" max="11959" width="6.125" style="81" customWidth="1"/>
    <col min="11960" max="11960" width="31.375" style="81" customWidth="1"/>
    <col min="11961" max="11961" width="31.5" style="81" customWidth="1"/>
    <col min="11962" max="11962" width="4.875" style="81" customWidth="1"/>
    <col min="11963" max="11963" width="10.375" style="81" customWidth="1"/>
    <col min="11964" max="11964" width="13.5" style="81" customWidth="1"/>
    <col min="11965" max="11965" width="17.5" style="81" customWidth="1"/>
    <col min="11966" max="11966" width="19.75" style="81" customWidth="1"/>
    <col min="11967" max="11967" width="1.75" style="81" customWidth="1"/>
    <col min="11968" max="11968" width="12.75" style="81" customWidth="1"/>
    <col min="11969" max="11969" width="11" style="81" bestFit="1" customWidth="1"/>
    <col min="11970" max="11971" width="10" style="81" customWidth="1"/>
    <col min="11972" max="11972" width="12.875" style="81" customWidth="1"/>
    <col min="11973" max="11973" width="1.625" style="81" customWidth="1"/>
    <col min="11974" max="11978" width="9.625" style="81" customWidth="1"/>
    <col min="11979" max="12214" width="8.875" style="81"/>
    <col min="12215" max="12215" width="6.125" style="81" customWidth="1"/>
    <col min="12216" max="12216" width="31.375" style="81" customWidth="1"/>
    <col min="12217" max="12217" width="31.5" style="81" customWidth="1"/>
    <col min="12218" max="12218" width="4.875" style="81" customWidth="1"/>
    <col min="12219" max="12219" width="10.375" style="81" customWidth="1"/>
    <col min="12220" max="12220" width="13.5" style="81" customWidth="1"/>
    <col min="12221" max="12221" width="17.5" style="81" customWidth="1"/>
    <col min="12222" max="12222" width="19.75" style="81" customWidth="1"/>
    <col min="12223" max="12223" width="1.75" style="81" customWidth="1"/>
    <col min="12224" max="12224" width="12.75" style="81" customWidth="1"/>
    <col min="12225" max="12225" width="11" style="81" bestFit="1" customWidth="1"/>
    <col min="12226" max="12227" width="10" style="81" customWidth="1"/>
    <col min="12228" max="12228" width="12.875" style="81" customWidth="1"/>
    <col min="12229" max="12229" width="1.625" style="81" customWidth="1"/>
    <col min="12230" max="12234" width="9.625" style="81" customWidth="1"/>
    <col min="12235" max="12470" width="8.875" style="81"/>
    <col min="12471" max="12471" width="6.125" style="81" customWidth="1"/>
    <col min="12472" max="12472" width="31.375" style="81" customWidth="1"/>
    <col min="12473" max="12473" width="31.5" style="81" customWidth="1"/>
    <col min="12474" max="12474" width="4.875" style="81" customWidth="1"/>
    <col min="12475" max="12475" width="10.375" style="81" customWidth="1"/>
    <col min="12476" max="12476" width="13.5" style="81" customWidth="1"/>
    <col min="12477" max="12477" width="17.5" style="81" customWidth="1"/>
    <col min="12478" max="12478" width="19.75" style="81" customWidth="1"/>
    <col min="12479" max="12479" width="1.75" style="81" customWidth="1"/>
    <col min="12480" max="12480" width="12.75" style="81" customWidth="1"/>
    <col min="12481" max="12481" width="11" style="81" bestFit="1" customWidth="1"/>
    <col min="12482" max="12483" width="10" style="81" customWidth="1"/>
    <col min="12484" max="12484" width="12.875" style="81" customWidth="1"/>
    <col min="12485" max="12485" width="1.625" style="81" customWidth="1"/>
    <col min="12486" max="12490" width="9.625" style="81" customWidth="1"/>
    <col min="12491" max="12726" width="8.875" style="81"/>
    <col min="12727" max="12727" width="6.125" style="81" customWidth="1"/>
    <col min="12728" max="12728" width="31.375" style="81" customWidth="1"/>
    <col min="12729" max="12729" width="31.5" style="81" customWidth="1"/>
    <col min="12730" max="12730" width="4.875" style="81" customWidth="1"/>
    <col min="12731" max="12731" width="10.375" style="81" customWidth="1"/>
    <col min="12732" max="12732" width="13.5" style="81" customWidth="1"/>
    <col min="12733" max="12733" width="17.5" style="81" customWidth="1"/>
    <col min="12734" max="12734" width="19.75" style="81" customWidth="1"/>
    <col min="12735" max="12735" width="1.75" style="81" customWidth="1"/>
    <col min="12736" max="12736" width="12.75" style="81" customWidth="1"/>
    <col min="12737" max="12737" width="11" style="81" bestFit="1" customWidth="1"/>
    <col min="12738" max="12739" width="10" style="81" customWidth="1"/>
    <col min="12740" max="12740" width="12.875" style="81" customWidth="1"/>
    <col min="12741" max="12741" width="1.625" style="81" customWidth="1"/>
    <col min="12742" max="12746" width="9.625" style="81" customWidth="1"/>
    <col min="12747" max="12982" width="8.875" style="81"/>
    <col min="12983" max="12983" width="6.125" style="81" customWidth="1"/>
    <col min="12984" max="12984" width="31.375" style="81" customWidth="1"/>
    <col min="12985" max="12985" width="31.5" style="81" customWidth="1"/>
    <col min="12986" max="12986" width="4.875" style="81" customWidth="1"/>
    <col min="12987" max="12987" width="10.375" style="81" customWidth="1"/>
    <col min="12988" max="12988" width="13.5" style="81" customWidth="1"/>
    <col min="12989" max="12989" width="17.5" style="81" customWidth="1"/>
    <col min="12990" max="12990" width="19.75" style="81" customWidth="1"/>
    <col min="12991" max="12991" width="1.75" style="81" customWidth="1"/>
    <col min="12992" max="12992" width="12.75" style="81" customWidth="1"/>
    <col min="12993" max="12993" width="11" style="81" bestFit="1" customWidth="1"/>
    <col min="12994" max="12995" width="10" style="81" customWidth="1"/>
    <col min="12996" max="12996" width="12.875" style="81" customWidth="1"/>
    <col min="12997" max="12997" width="1.625" style="81" customWidth="1"/>
    <col min="12998" max="13002" width="9.625" style="81" customWidth="1"/>
    <col min="13003" max="13238" width="8.875" style="81"/>
    <col min="13239" max="13239" width="6.125" style="81" customWidth="1"/>
    <col min="13240" max="13240" width="31.375" style="81" customWidth="1"/>
    <col min="13241" max="13241" width="31.5" style="81" customWidth="1"/>
    <col min="13242" max="13242" width="4.875" style="81" customWidth="1"/>
    <col min="13243" max="13243" width="10.375" style="81" customWidth="1"/>
    <col min="13244" max="13244" width="13.5" style="81" customWidth="1"/>
    <col min="13245" max="13245" width="17.5" style="81" customWidth="1"/>
    <col min="13246" max="13246" width="19.75" style="81" customWidth="1"/>
    <col min="13247" max="13247" width="1.75" style="81" customWidth="1"/>
    <col min="13248" max="13248" width="12.75" style="81" customWidth="1"/>
    <col min="13249" max="13249" width="11" style="81" bestFit="1" customWidth="1"/>
    <col min="13250" max="13251" width="10" style="81" customWidth="1"/>
    <col min="13252" max="13252" width="12.875" style="81" customWidth="1"/>
    <col min="13253" max="13253" width="1.625" style="81" customWidth="1"/>
    <col min="13254" max="13258" width="9.625" style="81" customWidth="1"/>
    <col min="13259" max="13494" width="8.875" style="81"/>
    <col min="13495" max="13495" width="6.125" style="81" customWidth="1"/>
    <col min="13496" max="13496" width="31.375" style="81" customWidth="1"/>
    <col min="13497" max="13497" width="31.5" style="81" customWidth="1"/>
    <col min="13498" max="13498" width="4.875" style="81" customWidth="1"/>
    <col min="13499" max="13499" width="10.375" style="81" customWidth="1"/>
    <col min="13500" max="13500" width="13.5" style="81" customWidth="1"/>
    <col min="13501" max="13501" width="17.5" style="81" customWidth="1"/>
    <col min="13502" max="13502" width="19.75" style="81" customWidth="1"/>
    <col min="13503" max="13503" width="1.75" style="81" customWidth="1"/>
    <col min="13504" max="13504" width="12.75" style="81" customWidth="1"/>
    <col min="13505" max="13505" width="11" style="81" bestFit="1" customWidth="1"/>
    <col min="13506" max="13507" width="10" style="81" customWidth="1"/>
    <col min="13508" max="13508" width="12.875" style="81" customWidth="1"/>
    <col min="13509" max="13509" width="1.625" style="81" customWidth="1"/>
    <col min="13510" max="13514" width="9.625" style="81" customWidth="1"/>
    <col min="13515" max="13750" width="8.875" style="81"/>
    <col min="13751" max="13751" width="6.125" style="81" customWidth="1"/>
    <col min="13752" max="13752" width="31.375" style="81" customWidth="1"/>
    <col min="13753" max="13753" width="31.5" style="81" customWidth="1"/>
    <col min="13754" max="13754" width="4.875" style="81" customWidth="1"/>
    <col min="13755" max="13755" width="10.375" style="81" customWidth="1"/>
    <col min="13756" max="13756" width="13.5" style="81" customWidth="1"/>
    <col min="13757" max="13757" width="17.5" style="81" customWidth="1"/>
    <col min="13758" max="13758" width="19.75" style="81" customWidth="1"/>
    <col min="13759" max="13759" width="1.75" style="81" customWidth="1"/>
    <col min="13760" max="13760" width="12.75" style="81" customWidth="1"/>
    <col min="13761" max="13761" width="11" style="81" bestFit="1" customWidth="1"/>
    <col min="13762" max="13763" width="10" style="81" customWidth="1"/>
    <col min="13764" max="13764" width="12.875" style="81" customWidth="1"/>
    <col min="13765" max="13765" width="1.625" style="81" customWidth="1"/>
    <col min="13766" max="13770" width="9.625" style="81" customWidth="1"/>
    <col min="13771" max="14006" width="8.875" style="81"/>
    <col min="14007" max="14007" width="6.125" style="81" customWidth="1"/>
    <col min="14008" max="14008" width="31.375" style="81" customWidth="1"/>
    <col min="14009" max="14009" width="31.5" style="81" customWidth="1"/>
    <col min="14010" max="14010" width="4.875" style="81" customWidth="1"/>
    <col min="14011" max="14011" width="10.375" style="81" customWidth="1"/>
    <col min="14012" max="14012" width="13.5" style="81" customWidth="1"/>
    <col min="14013" max="14013" width="17.5" style="81" customWidth="1"/>
    <col min="14014" max="14014" width="19.75" style="81" customWidth="1"/>
    <col min="14015" max="14015" width="1.75" style="81" customWidth="1"/>
    <col min="14016" max="14016" width="12.75" style="81" customWidth="1"/>
    <col min="14017" max="14017" width="11" style="81" bestFit="1" customWidth="1"/>
    <col min="14018" max="14019" width="10" style="81" customWidth="1"/>
    <col min="14020" max="14020" width="12.875" style="81" customWidth="1"/>
    <col min="14021" max="14021" width="1.625" style="81" customWidth="1"/>
    <col min="14022" max="14026" width="9.625" style="81" customWidth="1"/>
    <col min="14027" max="14262" width="8.875" style="81"/>
    <col min="14263" max="14263" width="6.125" style="81" customWidth="1"/>
    <col min="14264" max="14264" width="31.375" style="81" customWidth="1"/>
    <col min="14265" max="14265" width="31.5" style="81" customWidth="1"/>
    <col min="14266" max="14266" width="4.875" style="81" customWidth="1"/>
    <col min="14267" max="14267" width="10.375" style="81" customWidth="1"/>
    <col min="14268" max="14268" width="13.5" style="81" customWidth="1"/>
    <col min="14269" max="14269" width="17.5" style="81" customWidth="1"/>
    <col min="14270" max="14270" width="19.75" style="81" customWidth="1"/>
    <col min="14271" max="14271" width="1.75" style="81" customWidth="1"/>
    <col min="14272" max="14272" width="12.75" style="81" customWidth="1"/>
    <col min="14273" max="14273" width="11" style="81" bestFit="1" customWidth="1"/>
    <col min="14274" max="14275" width="10" style="81" customWidth="1"/>
    <col min="14276" max="14276" width="12.875" style="81" customWidth="1"/>
    <col min="14277" max="14277" width="1.625" style="81" customWidth="1"/>
    <col min="14278" max="14282" width="9.625" style="81" customWidth="1"/>
    <col min="14283" max="14518" width="8.875" style="81"/>
    <col min="14519" max="14519" width="6.125" style="81" customWidth="1"/>
    <col min="14520" max="14520" width="31.375" style="81" customWidth="1"/>
    <col min="14521" max="14521" width="31.5" style="81" customWidth="1"/>
    <col min="14522" max="14522" width="4.875" style="81" customWidth="1"/>
    <col min="14523" max="14523" width="10.375" style="81" customWidth="1"/>
    <col min="14524" max="14524" width="13.5" style="81" customWidth="1"/>
    <col min="14525" max="14525" width="17.5" style="81" customWidth="1"/>
    <col min="14526" max="14526" width="19.75" style="81" customWidth="1"/>
    <col min="14527" max="14527" width="1.75" style="81" customWidth="1"/>
    <col min="14528" max="14528" width="12.75" style="81" customWidth="1"/>
    <col min="14529" max="14529" width="11" style="81" bestFit="1" customWidth="1"/>
    <col min="14530" max="14531" width="10" style="81" customWidth="1"/>
    <col min="14532" max="14532" width="12.875" style="81" customWidth="1"/>
    <col min="14533" max="14533" width="1.625" style="81" customWidth="1"/>
    <col min="14534" max="14538" width="9.625" style="81" customWidth="1"/>
    <col min="14539" max="14774" width="8.875" style="81"/>
    <col min="14775" max="14775" width="6.125" style="81" customWidth="1"/>
    <col min="14776" max="14776" width="31.375" style="81" customWidth="1"/>
    <col min="14777" max="14777" width="31.5" style="81" customWidth="1"/>
    <col min="14778" max="14778" width="4.875" style="81" customWidth="1"/>
    <col min="14779" max="14779" width="10.375" style="81" customWidth="1"/>
    <col min="14780" max="14780" width="13.5" style="81" customWidth="1"/>
    <col min="14781" max="14781" width="17.5" style="81" customWidth="1"/>
    <col min="14782" max="14782" width="19.75" style="81" customWidth="1"/>
    <col min="14783" max="14783" width="1.75" style="81" customWidth="1"/>
    <col min="14784" max="14784" width="12.75" style="81" customWidth="1"/>
    <col min="14785" max="14785" width="11" style="81" bestFit="1" customWidth="1"/>
    <col min="14786" max="14787" width="10" style="81" customWidth="1"/>
    <col min="14788" max="14788" width="12.875" style="81" customWidth="1"/>
    <col min="14789" max="14789" width="1.625" style="81" customWidth="1"/>
    <col min="14790" max="14794" width="9.625" style="81" customWidth="1"/>
    <col min="14795" max="15030" width="8.875" style="81"/>
    <col min="15031" max="15031" width="6.125" style="81" customWidth="1"/>
    <col min="15032" max="15032" width="31.375" style="81" customWidth="1"/>
    <col min="15033" max="15033" width="31.5" style="81" customWidth="1"/>
    <col min="15034" max="15034" width="4.875" style="81" customWidth="1"/>
    <col min="15035" max="15035" width="10.375" style="81" customWidth="1"/>
    <col min="15036" max="15036" width="13.5" style="81" customWidth="1"/>
    <col min="15037" max="15037" width="17.5" style="81" customWidth="1"/>
    <col min="15038" max="15038" width="19.75" style="81" customWidth="1"/>
    <col min="15039" max="15039" width="1.75" style="81" customWidth="1"/>
    <col min="15040" max="15040" width="12.75" style="81" customWidth="1"/>
    <col min="15041" max="15041" width="11" style="81" bestFit="1" customWidth="1"/>
    <col min="15042" max="15043" width="10" style="81" customWidth="1"/>
    <col min="15044" max="15044" width="12.875" style="81" customWidth="1"/>
    <col min="15045" max="15045" width="1.625" style="81" customWidth="1"/>
    <col min="15046" max="15050" width="9.625" style="81" customWidth="1"/>
    <col min="15051" max="15286" width="8.875" style="81"/>
    <col min="15287" max="15287" width="6.125" style="81" customWidth="1"/>
    <col min="15288" max="15288" width="31.375" style="81" customWidth="1"/>
    <col min="15289" max="15289" width="31.5" style="81" customWidth="1"/>
    <col min="15290" max="15290" width="4.875" style="81" customWidth="1"/>
    <col min="15291" max="15291" width="10.375" style="81" customWidth="1"/>
    <col min="15292" max="15292" width="13.5" style="81" customWidth="1"/>
    <col min="15293" max="15293" width="17.5" style="81" customWidth="1"/>
    <col min="15294" max="15294" width="19.75" style="81" customWidth="1"/>
    <col min="15295" max="15295" width="1.75" style="81" customWidth="1"/>
    <col min="15296" max="15296" width="12.75" style="81" customWidth="1"/>
    <col min="15297" max="15297" width="11" style="81" bestFit="1" customWidth="1"/>
    <col min="15298" max="15299" width="10" style="81" customWidth="1"/>
    <col min="15300" max="15300" width="12.875" style="81" customWidth="1"/>
    <col min="15301" max="15301" width="1.625" style="81" customWidth="1"/>
    <col min="15302" max="15306" width="9.625" style="81" customWidth="1"/>
    <col min="15307" max="15542" width="8.875" style="81"/>
    <col min="15543" max="15543" width="6.125" style="81" customWidth="1"/>
    <col min="15544" max="15544" width="31.375" style="81" customWidth="1"/>
    <col min="15545" max="15545" width="31.5" style="81" customWidth="1"/>
    <col min="15546" max="15546" width="4.875" style="81" customWidth="1"/>
    <col min="15547" max="15547" width="10.375" style="81" customWidth="1"/>
    <col min="15548" max="15548" width="13.5" style="81" customWidth="1"/>
    <col min="15549" max="15549" width="17.5" style="81" customWidth="1"/>
    <col min="15550" max="15550" width="19.75" style="81" customWidth="1"/>
    <col min="15551" max="15551" width="1.75" style="81" customWidth="1"/>
    <col min="15552" max="15552" width="12.75" style="81" customWidth="1"/>
    <col min="15553" max="15553" width="11" style="81" bestFit="1" customWidth="1"/>
    <col min="15554" max="15555" width="10" style="81" customWidth="1"/>
    <col min="15556" max="15556" width="12.875" style="81" customWidth="1"/>
    <col min="15557" max="15557" width="1.625" style="81" customWidth="1"/>
    <col min="15558" max="15562" width="9.625" style="81" customWidth="1"/>
    <col min="15563" max="15798" width="8.875" style="81"/>
    <col min="15799" max="15799" width="6.125" style="81" customWidth="1"/>
    <col min="15800" max="15800" width="31.375" style="81" customWidth="1"/>
    <col min="15801" max="15801" width="31.5" style="81" customWidth="1"/>
    <col min="15802" max="15802" width="4.875" style="81" customWidth="1"/>
    <col min="15803" max="15803" width="10.375" style="81" customWidth="1"/>
    <col min="15804" max="15804" width="13.5" style="81" customWidth="1"/>
    <col min="15805" max="15805" width="17.5" style="81" customWidth="1"/>
    <col min="15806" max="15806" width="19.75" style="81" customWidth="1"/>
    <col min="15807" max="15807" width="1.75" style="81" customWidth="1"/>
    <col min="15808" max="15808" width="12.75" style="81" customWidth="1"/>
    <col min="15809" max="15809" width="11" style="81" bestFit="1" customWidth="1"/>
    <col min="15810" max="15811" width="10" style="81" customWidth="1"/>
    <col min="15812" max="15812" width="12.875" style="81" customWidth="1"/>
    <col min="15813" max="15813" width="1.625" style="81" customWidth="1"/>
    <col min="15814" max="15818" width="9.625" style="81" customWidth="1"/>
    <col min="15819" max="16054" width="8.875" style="81"/>
    <col min="16055" max="16055" width="6.125" style="81" customWidth="1"/>
    <col min="16056" max="16056" width="31.375" style="81" customWidth="1"/>
    <col min="16057" max="16057" width="31.5" style="81" customWidth="1"/>
    <col min="16058" max="16058" width="4.875" style="81" customWidth="1"/>
    <col min="16059" max="16059" width="10.375" style="81" customWidth="1"/>
    <col min="16060" max="16060" width="13.5" style="81" customWidth="1"/>
    <col min="16061" max="16061" width="17.5" style="81" customWidth="1"/>
    <col min="16062" max="16062" width="19.75" style="81" customWidth="1"/>
    <col min="16063" max="16063" width="1.75" style="81" customWidth="1"/>
    <col min="16064" max="16064" width="12.75" style="81" customWidth="1"/>
    <col min="16065" max="16065" width="11" style="81" bestFit="1" customWidth="1"/>
    <col min="16066" max="16067" width="10" style="81" customWidth="1"/>
    <col min="16068" max="16068" width="12.875" style="81" customWidth="1"/>
    <col min="16069" max="16069" width="1.625" style="81" customWidth="1"/>
    <col min="16070" max="16074" width="9.625" style="81" customWidth="1"/>
    <col min="16075" max="16384" width="8.875" style="81"/>
  </cols>
  <sheetData>
    <row r="1" spans="1:8" ht="15.95" customHeight="1">
      <c r="A1" s="75" t="s">
        <v>94</v>
      </c>
      <c r="B1" s="76"/>
      <c r="C1" s="77" t="s">
        <v>92</v>
      </c>
      <c r="D1" s="78"/>
      <c r="E1" s="79"/>
      <c r="F1" s="77" t="s">
        <v>93</v>
      </c>
      <c r="G1" s="77"/>
      <c r="H1" s="80"/>
    </row>
    <row r="2" spans="1:8" ht="15.75" customHeight="1" thickBot="1">
      <c r="A2" s="82" t="s">
        <v>61</v>
      </c>
      <c r="B2" s="83" t="s">
        <v>62</v>
      </c>
      <c r="C2" s="84" t="s">
        <v>63</v>
      </c>
      <c r="D2" s="84" t="s">
        <v>26</v>
      </c>
      <c r="E2" s="85" t="s">
        <v>64</v>
      </c>
      <c r="F2" s="84" t="s">
        <v>65</v>
      </c>
      <c r="G2" s="84" t="s">
        <v>66</v>
      </c>
      <c r="H2" s="86" t="s">
        <v>67</v>
      </c>
    </row>
    <row r="3" spans="1:8" ht="15.95" customHeight="1" thickTop="1">
      <c r="A3" s="87"/>
      <c r="B3" s="88" t="s">
        <v>68</v>
      </c>
      <c r="C3" s="89"/>
      <c r="D3" s="90"/>
      <c r="E3" s="91"/>
      <c r="F3" s="89"/>
      <c r="G3" s="89"/>
      <c r="H3" s="92"/>
    </row>
    <row r="4" spans="1:8" ht="15.95" customHeight="1">
      <c r="A4" s="87"/>
      <c r="B4" s="93"/>
      <c r="C4" s="89"/>
      <c r="D4" s="90"/>
      <c r="E4" s="91"/>
      <c r="F4" s="89"/>
      <c r="G4" s="89"/>
      <c r="H4" s="92"/>
    </row>
    <row r="5" spans="1:8" ht="15.95" customHeight="1">
      <c r="A5" s="87"/>
      <c r="B5" s="94"/>
      <c r="C5" s="95"/>
      <c r="D5" s="96"/>
      <c r="E5" s="97"/>
      <c r="F5" s="95"/>
      <c r="G5" s="95"/>
      <c r="H5" s="98"/>
    </row>
    <row r="6" spans="1:8" ht="15.95" customHeight="1">
      <c r="A6" s="87"/>
      <c r="B6" s="93" t="s">
        <v>32</v>
      </c>
      <c r="C6" s="99"/>
      <c r="D6" s="100"/>
      <c r="E6" s="101"/>
      <c r="F6" s="102"/>
      <c r="G6" s="102"/>
      <c r="H6" s="103"/>
    </row>
    <row r="7" spans="1:8" ht="15.95" customHeight="1">
      <c r="A7" s="87"/>
      <c r="B7" s="94"/>
      <c r="C7" s="95"/>
      <c r="D7" s="96"/>
      <c r="E7" s="97"/>
      <c r="F7" s="104"/>
      <c r="G7" s="105"/>
      <c r="H7" s="98"/>
    </row>
    <row r="8" spans="1:8" ht="15.95" customHeight="1">
      <c r="A8" s="87" t="s">
        <v>69</v>
      </c>
      <c r="B8" s="93" t="s">
        <v>87</v>
      </c>
      <c r="C8" s="102"/>
      <c r="D8" s="100" t="s">
        <v>9</v>
      </c>
      <c r="E8" s="101">
        <v>1</v>
      </c>
      <c r="F8" s="106"/>
      <c r="G8" s="107"/>
      <c r="H8" s="108"/>
    </row>
    <row r="9" spans="1:8" ht="15.95" customHeight="1">
      <c r="A9" s="87"/>
      <c r="B9" s="94"/>
      <c r="C9" s="95"/>
      <c r="D9" s="96"/>
      <c r="E9" s="97"/>
      <c r="F9" s="104"/>
      <c r="G9" s="105"/>
      <c r="H9" s="98"/>
    </row>
    <row r="10" spans="1:8" ht="15.95" customHeight="1">
      <c r="A10" s="87"/>
      <c r="B10" s="109"/>
      <c r="C10" s="102"/>
      <c r="D10" s="100"/>
      <c r="E10" s="101"/>
      <c r="F10" s="106"/>
      <c r="G10" s="107"/>
      <c r="H10" s="103"/>
    </row>
    <row r="11" spans="1:8" ht="15.95" customHeight="1">
      <c r="A11" s="87"/>
      <c r="B11" s="94"/>
      <c r="C11" s="95"/>
      <c r="D11" s="96"/>
      <c r="E11" s="97"/>
      <c r="F11" s="104"/>
      <c r="G11" s="105"/>
      <c r="H11" s="98"/>
    </row>
    <row r="12" spans="1:8" ht="15.95" customHeight="1">
      <c r="A12" s="87"/>
      <c r="B12" s="110" t="s">
        <v>70</v>
      </c>
      <c r="C12" s="102"/>
      <c r="D12" s="100"/>
      <c r="E12" s="101"/>
      <c r="F12" s="106"/>
      <c r="G12" s="107"/>
      <c r="H12" s="103"/>
    </row>
    <row r="13" spans="1:8" ht="15.95" customHeight="1">
      <c r="A13" s="87"/>
      <c r="B13" s="94"/>
      <c r="C13" s="95"/>
      <c r="D13" s="96"/>
      <c r="E13" s="97"/>
      <c r="F13" s="104"/>
      <c r="G13" s="105"/>
      <c r="H13" s="98"/>
    </row>
    <row r="14" spans="1:8" ht="15.95" customHeight="1">
      <c r="A14" s="87"/>
      <c r="B14" s="109"/>
      <c r="C14" s="102"/>
      <c r="D14" s="100"/>
      <c r="E14" s="101"/>
      <c r="F14" s="106"/>
      <c r="G14" s="107"/>
      <c r="H14" s="103"/>
    </row>
    <row r="15" spans="1:8" ht="15.95" customHeight="1">
      <c r="A15" s="87"/>
      <c r="B15" s="94"/>
      <c r="C15" s="95"/>
      <c r="D15" s="96"/>
      <c r="E15" s="97"/>
      <c r="F15" s="104"/>
      <c r="G15" s="105"/>
      <c r="H15" s="98"/>
    </row>
    <row r="16" spans="1:8" ht="15.95" customHeight="1">
      <c r="A16" s="87"/>
      <c r="B16" s="109" t="s">
        <v>71</v>
      </c>
      <c r="C16" s="102"/>
      <c r="D16" s="100"/>
      <c r="E16" s="101"/>
      <c r="F16" s="106"/>
      <c r="G16" s="107"/>
      <c r="H16" s="103"/>
    </row>
    <row r="17" spans="1:8" ht="15.95" customHeight="1">
      <c r="A17" s="87"/>
      <c r="B17" s="94"/>
      <c r="C17" s="95"/>
      <c r="D17" s="96"/>
      <c r="E17" s="97"/>
      <c r="F17" s="104"/>
      <c r="G17" s="105"/>
      <c r="H17" s="98"/>
    </row>
    <row r="18" spans="1:8" ht="15.95" customHeight="1">
      <c r="A18" s="87"/>
      <c r="B18" s="109" t="s">
        <v>44</v>
      </c>
      <c r="C18" s="102"/>
      <c r="D18" s="100" t="s">
        <v>9</v>
      </c>
      <c r="E18" s="101">
        <v>1</v>
      </c>
      <c r="F18" s="106"/>
      <c r="G18" s="107"/>
      <c r="H18" s="111"/>
    </row>
    <row r="19" spans="1:8" ht="15.95" customHeight="1">
      <c r="A19" s="87"/>
      <c r="B19" s="94"/>
      <c r="C19" s="95"/>
      <c r="D19" s="96"/>
      <c r="E19" s="97"/>
      <c r="F19" s="104"/>
      <c r="G19" s="105"/>
      <c r="H19" s="98"/>
    </row>
    <row r="20" spans="1:8" ht="15.95" customHeight="1">
      <c r="A20" s="87"/>
      <c r="B20" s="109" t="s">
        <v>52</v>
      </c>
      <c r="C20" s="102"/>
      <c r="D20" s="100" t="s">
        <v>9</v>
      </c>
      <c r="E20" s="101">
        <v>1</v>
      </c>
      <c r="F20" s="106"/>
      <c r="G20" s="107"/>
      <c r="H20" s="111"/>
    </row>
    <row r="21" spans="1:8" ht="15.95" customHeight="1">
      <c r="A21" s="87"/>
      <c r="B21" s="94"/>
      <c r="C21" s="95"/>
      <c r="D21" s="96"/>
      <c r="E21" s="97"/>
      <c r="F21" s="104"/>
      <c r="G21" s="105"/>
      <c r="H21" s="98"/>
    </row>
    <row r="22" spans="1:8" ht="15.95" customHeight="1">
      <c r="A22" s="87"/>
      <c r="B22" s="109" t="s">
        <v>72</v>
      </c>
      <c r="C22" s="102"/>
      <c r="D22" s="100" t="s">
        <v>9</v>
      </c>
      <c r="E22" s="101">
        <v>1</v>
      </c>
      <c r="F22" s="106"/>
      <c r="G22" s="107"/>
      <c r="H22" s="111"/>
    </row>
    <row r="23" spans="1:8" ht="15.95" customHeight="1">
      <c r="A23" s="87"/>
      <c r="B23" s="94"/>
      <c r="C23" s="95"/>
      <c r="D23" s="96"/>
      <c r="E23" s="97"/>
      <c r="F23" s="104"/>
      <c r="G23" s="105"/>
      <c r="H23" s="98"/>
    </row>
    <row r="24" spans="1:8" ht="15.95" customHeight="1">
      <c r="A24" s="87"/>
      <c r="B24" s="110" t="s">
        <v>70</v>
      </c>
      <c r="C24" s="102"/>
      <c r="D24" s="100"/>
      <c r="E24" s="101"/>
      <c r="F24" s="106"/>
      <c r="G24" s="107"/>
      <c r="H24" s="103"/>
    </row>
    <row r="25" spans="1:8" ht="15.95" customHeight="1">
      <c r="A25" s="87"/>
      <c r="B25" s="94"/>
      <c r="C25" s="95"/>
      <c r="D25" s="96"/>
      <c r="E25" s="97"/>
      <c r="F25" s="104"/>
      <c r="G25" s="105"/>
      <c r="H25" s="98"/>
    </row>
    <row r="26" spans="1:8" ht="15.95" customHeight="1">
      <c r="A26" s="87"/>
      <c r="B26" s="109"/>
      <c r="C26" s="102"/>
      <c r="D26" s="100"/>
      <c r="E26" s="101"/>
      <c r="F26" s="106"/>
      <c r="G26" s="107"/>
      <c r="H26" s="103"/>
    </row>
    <row r="27" spans="1:8" ht="15.95" customHeight="1">
      <c r="A27" s="87"/>
      <c r="B27" s="112"/>
      <c r="C27" s="113"/>
      <c r="D27" s="96"/>
      <c r="E27" s="114"/>
      <c r="F27" s="115"/>
      <c r="G27" s="115"/>
      <c r="H27" s="116"/>
    </row>
    <row r="28" spans="1:8" ht="15.95" customHeight="1">
      <c r="A28" s="87"/>
      <c r="B28" s="100" t="s">
        <v>15</v>
      </c>
      <c r="C28" s="117"/>
      <c r="D28" s="100"/>
      <c r="E28" s="118"/>
      <c r="F28" s="119"/>
      <c r="G28" s="119"/>
      <c r="H28" s="163"/>
    </row>
    <row r="29" spans="1:8" ht="15.95" customHeight="1">
      <c r="A29" s="87"/>
      <c r="B29" s="112"/>
      <c r="C29" s="113"/>
      <c r="D29" s="96"/>
      <c r="E29" s="114"/>
      <c r="F29" s="115"/>
      <c r="G29" s="115"/>
      <c r="H29" s="120"/>
    </row>
    <row r="30" spans="1:8" ht="15.95" customHeight="1">
      <c r="A30" s="87"/>
      <c r="B30" s="121"/>
      <c r="C30" s="117"/>
      <c r="D30" s="100"/>
      <c r="E30" s="118"/>
      <c r="F30" s="119"/>
      <c r="G30" s="119"/>
      <c r="H30" s="122"/>
    </row>
    <row r="31" spans="1:8" ht="15.95" customHeight="1">
      <c r="A31" s="87"/>
      <c r="B31" s="123"/>
      <c r="C31" s="124"/>
      <c r="D31" s="90"/>
      <c r="E31" s="125"/>
      <c r="F31" s="126"/>
      <c r="G31" s="126"/>
      <c r="H31" s="127"/>
    </row>
    <row r="32" spans="1:8" ht="15.95" customHeight="1">
      <c r="A32" s="128"/>
      <c r="B32" s="129"/>
      <c r="C32" s="130"/>
      <c r="D32" s="129"/>
      <c r="E32" s="131"/>
      <c r="F32" s="132"/>
      <c r="G32" s="132"/>
      <c r="H32" s="133"/>
    </row>
    <row r="33" spans="1:8" ht="15.95" customHeight="1">
      <c r="A33" s="164"/>
      <c r="B33" s="165" t="s">
        <v>68</v>
      </c>
      <c r="C33" s="166"/>
      <c r="D33" s="167"/>
      <c r="E33" s="168"/>
      <c r="F33" s="166"/>
      <c r="G33" s="166"/>
      <c r="H33" s="169"/>
    </row>
    <row r="34" spans="1:8" ht="15.95" customHeight="1">
      <c r="A34" s="87"/>
      <c r="B34" s="93" t="s">
        <v>88</v>
      </c>
      <c r="C34" s="89"/>
      <c r="D34" s="90"/>
      <c r="E34" s="91"/>
      <c r="F34" s="89"/>
      <c r="G34" s="89"/>
      <c r="H34" s="92"/>
    </row>
    <row r="35" spans="1:8" ht="15.95" customHeight="1">
      <c r="A35" s="87"/>
      <c r="B35" s="94"/>
      <c r="C35" s="95"/>
      <c r="D35" s="96"/>
      <c r="E35" s="97"/>
      <c r="F35" s="95"/>
      <c r="G35" s="95"/>
      <c r="H35" s="98"/>
    </row>
    <row r="36" spans="1:8" ht="15.95" customHeight="1">
      <c r="A36" s="87"/>
      <c r="B36" s="93"/>
      <c r="C36" s="99"/>
      <c r="D36" s="100"/>
      <c r="E36" s="101"/>
      <c r="F36" s="102"/>
      <c r="G36" s="102"/>
      <c r="H36" s="103"/>
    </row>
    <row r="37" spans="1:8" ht="15.95" customHeight="1">
      <c r="A37" s="87"/>
      <c r="B37" s="170"/>
      <c r="C37" s="95"/>
      <c r="D37" s="96"/>
      <c r="E37" s="97"/>
      <c r="F37" s="104"/>
      <c r="G37" s="105"/>
      <c r="H37" s="98"/>
    </row>
    <row r="38" spans="1:8" ht="15.95" customHeight="1">
      <c r="A38" s="87"/>
      <c r="B38" s="171" t="s">
        <v>83</v>
      </c>
      <c r="C38" s="102"/>
      <c r="D38" s="100" t="s">
        <v>9</v>
      </c>
      <c r="E38" s="101">
        <v>1</v>
      </c>
      <c r="F38" s="106"/>
      <c r="G38" s="107"/>
      <c r="H38" s="134"/>
    </row>
    <row r="39" spans="1:8" ht="15.95" customHeight="1">
      <c r="A39" s="87"/>
      <c r="B39" s="170"/>
      <c r="C39" s="89"/>
      <c r="D39" s="90"/>
      <c r="E39" s="91"/>
      <c r="F39" s="135"/>
      <c r="G39" s="136"/>
      <c r="H39" s="92"/>
    </row>
    <row r="40" spans="1:8" ht="15.95" customHeight="1">
      <c r="A40" s="87"/>
      <c r="B40" s="171" t="s">
        <v>84</v>
      </c>
      <c r="C40" s="89"/>
      <c r="D40" s="100" t="s">
        <v>9</v>
      </c>
      <c r="E40" s="101">
        <v>1</v>
      </c>
      <c r="F40" s="106"/>
      <c r="G40" s="107"/>
      <c r="H40" s="92"/>
    </row>
    <row r="41" spans="1:8" ht="15.95" customHeight="1">
      <c r="A41" s="87"/>
      <c r="B41" s="170"/>
      <c r="C41" s="95"/>
      <c r="D41" s="96"/>
      <c r="E41" s="97"/>
      <c r="F41" s="104"/>
      <c r="G41" s="105"/>
      <c r="H41" s="98"/>
    </row>
    <row r="42" spans="1:8" ht="15.95" customHeight="1">
      <c r="A42" s="87"/>
      <c r="B42" s="171" t="s">
        <v>85</v>
      </c>
      <c r="C42" s="102"/>
      <c r="D42" s="100" t="s">
        <v>9</v>
      </c>
      <c r="E42" s="101">
        <v>1</v>
      </c>
      <c r="F42" s="106"/>
      <c r="G42" s="107"/>
      <c r="H42" s="103"/>
    </row>
    <row r="43" spans="1:8" ht="15.95" customHeight="1">
      <c r="A43" s="87"/>
      <c r="B43" s="170"/>
      <c r="C43" s="95"/>
      <c r="D43" s="96"/>
      <c r="E43" s="97"/>
      <c r="F43" s="104"/>
      <c r="G43" s="115"/>
      <c r="H43" s="98"/>
    </row>
    <row r="44" spans="1:8" ht="15.95" customHeight="1">
      <c r="A44" s="87"/>
      <c r="B44" s="172" t="s">
        <v>86</v>
      </c>
      <c r="C44" s="102"/>
      <c r="D44" s="100" t="s">
        <v>9</v>
      </c>
      <c r="E44" s="101">
        <v>1</v>
      </c>
      <c r="F44" s="106"/>
      <c r="G44" s="119"/>
      <c r="H44" s="103"/>
    </row>
    <row r="45" spans="1:8" ht="15.95" customHeight="1">
      <c r="A45" s="87"/>
      <c r="B45" s="94"/>
      <c r="C45" s="95"/>
      <c r="D45" s="96"/>
      <c r="E45" s="97"/>
      <c r="F45" s="95"/>
      <c r="G45" s="95"/>
      <c r="H45" s="98"/>
    </row>
    <row r="46" spans="1:8" ht="15.95" customHeight="1">
      <c r="A46" s="87"/>
      <c r="B46" s="93"/>
      <c r="C46" s="99"/>
      <c r="D46" s="100"/>
      <c r="E46" s="101"/>
      <c r="F46" s="102"/>
      <c r="G46" s="102"/>
      <c r="H46" s="103"/>
    </row>
    <row r="47" spans="1:8" ht="15.95" customHeight="1">
      <c r="A47" s="87"/>
      <c r="B47" s="170"/>
      <c r="C47" s="95"/>
      <c r="D47" s="96"/>
      <c r="E47" s="97"/>
      <c r="F47" s="104"/>
      <c r="G47" s="105"/>
      <c r="H47" s="98"/>
    </row>
    <row r="48" spans="1:8" ht="15.95" customHeight="1">
      <c r="A48" s="87"/>
      <c r="B48" s="171"/>
      <c r="C48" s="102"/>
      <c r="D48" s="100"/>
      <c r="E48" s="101"/>
      <c r="F48" s="106"/>
      <c r="G48" s="107"/>
      <c r="H48" s="134"/>
    </row>
    <row r="49" spans="1:8" ht="15.95" customHeight="1">
      <c r="A49" s="87"/>
      <c r="B49" s="170"/>
      <c r="C49" s="89"/>
      <c r="D49" s="90"/>
      <c r="E49" s="91"/>
      <c r="F49" s="135"/>
      <c r="G49" s="136"/>
      <c r="H49" s="92"/>
    </row>
    <row r="50" spans="1:8" ht="15.95" customHeight="1">
      <c r="A50" s="87"/>
      <c r="B50" s="171"/>
      <c r="C50" s="89"/>
      <c r="D50" s="100"/>
      <c r="E50" s="101"/>
      <c r="F50" s="106"/>
      <c r="G50" s="107"/>
      <c r="H50" s="92"/>
    </row>
    <row r="51" spans="1:8" ht="15.95" customHeight="1">
      <c r="A51" s="87"/>
      <c r="B51" s="170"/>
      <c r="C51" s="95"/>
      <c r="D51" s="96"/>
      <c r="E51" s="97"/>
      <c r="F51" s="104"/>
      <c r="G51" s="105"/>
      <c r="H51" s="98"/>
    </row>
    <row r="52" spans="1:8" ht="15.95" customHeight="1">
      <c r="A52" s="87"/>
      <c r="B52" s="172"/>
      <c r="C52" s="102"/>
      <c r="D52" s="100"/>
      <c r="E52" s="101"/>
      <c r="F52" s="106"/>
      <c r="G52" s="107"/>
      <c r="H52" s="103"/>
    </row>
    <row r="53" spans="1:8" ht="15.95" customHeight="1">
      <c r="A53" s="87"/>
      <c r="B53" s="170"/>
      <c r="C53" s="95"/>
      <c r="D53" s="96"/>
      <c r="E53" s="97"/>
      <c r="F53" s="104"/>
      <c r="G53" s="115"/>
      <c r="H53" s="98"/>
    </row>
    <row r="54" spans="1:8" ht="15.75" customHeight="1">
      <c r="A54" s="87"/>
      <c r="B54" s="172"/>
      <c r="C54" s="102"/>
      <c r="D54" s="100"/>
      <c r="E54" s="101"/>
      <c r="F54" s="106"/>
      <c r="G54" s="119"/>
      <c r="H54" s="103"/>
    </row>
    <row r="55" spans="1:8" ht="15.95" customHeight="1">
      <c r="A55" s="87"/>
      <c r="B55" s="112"/>
      <c r="C55" s="113"/>
      <c r="D55" s="96"/>
      <c r="E55" s="114"/>
      <c r="F55" s="115"/>
      <c r="G55" s="115"/>
      <c r="H55" s="98"/>
    </row>
    <row r="56" spans="1:8" ht="15.95" customHeight="1">
      <c r="A56" s="87"/>
      <c r="B56" s="121" t="s">
        <v>70</v>
      </c>
      <c r="C56" s="117"/>
      <c r="D56" s="100"/>
      <c r="E56" s="118"/>
      <c r="F56" s="119"/>
      <c r="G56" s="119"/>
      <c r="H56" s="134"/>
    </row>
    <row r="57" spans="1:8" ht="15.95" customHeight="1">
      <c r="A57" s="87"/>
      <c r="B57" s="94"/>
      <c r="C57" s="95"/>
      <c r="D57" s="96"/>
      <c r="E57" s="97"/>
      <c r="F57" s="104"/>
      <c r="G57" s="105"/>
      <c r="H57" s="98"/>
    </row>
    <row r="58" spans="1:8" ht="15.95" customHeight="1">
      <c r="A58" s="87"/>
      <c r="B58" s="109"/>
      <c r="C58" s="102"/>
      <c r="D58" s="100"/>
      <c r="E58" s="101"/>
      <c r="F58" s="106"/>
      <c r="G58" s="107"/>
      <c r="H58" s="103"/>
    </row>
    <row r="59" spans="1:8" ht="15.95" customHeight="1">
      <c r="A59" s="87"/>
      <c r="B59" s="94"/>
      <c r="C59" s="95"/>
      <c r="D59" s="96"/>
      <c r="E59" s="97"/>
      <c r="F59" s="104"/>
      <c r="G59" s="115"/>
      <c r="H59" s="98"/>
    </row>
    <row r="60" spans="1:8" ht="15.95" customHeight="1">
      <c r="A60" s="87"/>
      <c r="B60" s="109"/>
      <c r="C60" s="102"/>
      <c r="D60" s="100"/>
      <c r="E60" s="101"/>
      <c r="F60" s="106"/>
      <c r="G60" s="119"/>
      <c r="H60" s="103"/>
    </row>
    <row r="61" spans="1:8" ht="15.95" customHeight="1">
      <c r="A61" s="87"/>
      <c r="B61" s="112"/>
      <c r="C61" s="113"/>
      <c r="D61" s="96"/>
      <c r="E61" s="114"/>
      <c r="F61" s="115"/>
      <c r="G61" s="115"/>
      <c r="H61" s="127"/>
    </row>
    <row r="62" spans="1:8" ht="15.95" customHeight="1">
      <c r="A62" s="128"/>
      <c r="B62" s="129"/>
      <c r="C62" s="130"/>
      <c r="D62" s="129"/>
      <c r="E62" s="131"/>
      <c r="F62" s="132"/>
      <c r="G62" s="132"/>
      <c r="H62" s="133"/>
    </row>
  </sheetData>
  <phoneticPr fontId="2"/>
  <printOptions gridLinesSet="0"/>
  <pageMargins left="0.59055118110236227" right="0.6692913385826772" top="1.1023622047244095" bottom="0.23622047244094491" header="0.59055118110236227" footer="0.39370078740157483"/>
  <pageSetup paperSize="9" orientation="landscape" useFirstPageNumber="1" horizontalDpi="4294967292" r:id="rId1"/>
  <headerFooter alignWithMargins="0">
    <oddFooter>&amp;L四日市市上下水道局&amp;R建築　種目別内訳書-&amp;P　</oddFooter>
  </headerFooter>
  <rowBreaks count="1" manualBreakCount="1">
    <brk id="32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94"/>
  <sheetViews>
    <sheetView view="pageBreakPreview" zoomScale="75" zoomScaleNormal="75" zoomScaleSheetLayoutView="75" workbookViewId="0">
      <selection activeCell="C1" sqref="C1:F1"/>
    </sheetView>
  </sheetViews>
  <sheetFormatPr defaultRowHeight="18.75"/>
  <cols>
    <col min="1" max="1" width="11.875" style="4" customWidth="1"/>
    <col min="2" max="3" width="15.625" style="4" customWidth="1"/>
    <col min="4" max="4" width="21.25" style="4" customWidth="1"/>
    <col min="5" max="5" width="8.625" style="4" customWidth="1"/>
    <col min="6" max="7" width="9.875" style="4" customWidth="1"/>
    <col min="8" max="8" width="18.25" style="40" customWidth="1"/>
    <col min="9" max="9" width="8.375" style="4" customWidth="1"/>
    <col min="10" max="10" width="4.375" style="4" customWidth="1"/>
    <col min="11" max="11" width="14.625" style="4" bestFit="1" customWidth="1"/>
    <col min="12" max="16384" width="9" style="4"/>
  </cols>
  <sheetData>
    <row r="1" spans="1:11" ht="32.25" customHeight="1">
      <c r="A1" s="1" t="s">
        <v>21</v>
      </c>
      <c r="B1" s="2"/>
      <c r="C1" s="42" t="s">
        <v>92</v>
      </c>
      <c r="D1" s="42"/>
      <c r="E1" s="42"/>
      <c r="F1" s="42" t="s">
        <v>93</v>
      </c>
      <c r="G1" s="2"/>
      <c r="H1" s="3"/>
      <c r="I1" s="2"/>
    </row>
    <row r="2" spans="1:11" ht="16.5" customHeight="1">
      <c r="A2" s="5"/>
      <c r="B2" s="6"/>
      <c r="C2" s="6"/>
      <c r="D2" s="7"/>
      <c r="E2" s="6"/>
      <c r="F2" s="6"/>
      <c r="G2" s="6"/>
      <c r="H2" s="8"/>
      <c r="I2" s="9"/>
      <c r="J2" s="10"/>
      <c r="K2" s="11"/>
    </row>
    <row r="3" spans="1:11" ht="16.5" customHeight="1">
      <c r="A3" s="12" t="s">
        <v>22</v>
      </c>
      <c r="B3" s="13" t="s">
        <v>23</v>
      </c>
      <c r="C3" s="13" t="s">
        <v>24</v>
      </c>
      <c r="D3" s="13" t="s">
        <v>25</v>
      </c>
      <c r="E3" s="13" t="s">
        <v>26</v>
      </c>
      <c r="F3" s="13" t="s">
        <v>8</v>
      </c>
      <c r="G3" s="13" t="s">
        <v>27</v>
      </c>
      <c r="H3" s="14" t="s">
        <v>28</v>
      </c>
      <c r="I3" s="188" t="s">
        <v>29</v>
      </c>
      <c r="J3" s="189"/>
      <c r="K3" s="190"/>
    </row>
    <row r="4" spans="1:11" ht="16.5" customHeight="1">
      <c r="A4" s="15"/>
      <c r="B4" s="16"/>
      <c r="C4" s="16"/>
      <c r="D4" s="16"/>
      <c r="E4" s="16"/>
      <c r="F4" s="17"/>
      <c r="G4" s="16"/>
      <c r="H4" s="18"/>
      <c r="I4" s="19"/>
      <c r="J4" s="20"/>
      <c r="K4" s="21"/>
    </row>
    <row r="5" spans="1:11" ht="16.5" customHeight="1">
      <c r="A5" s="22" t="s">
        <v>90</v>
      </c>
      <c r="B5" s="23"/>
      <c r="C5" s="23"/>
      <c r="D5" s="23"/>
      <c r="E5" s="23"/>
      <c r="F5" s="24"/>
      <c r="G5" s="23"/>
      <c r="H5" s="25"/>
      <c r="I5" s="26"/>
      <c r="J5" s="27"/>
      <c r="K5" s="28"/>
    </row>
    <row r="6" spans="1:11" ht="16.5" customHeight="1">
      <c r="A6" s="15"/>
      <c r="B6" s="16"/>
      <c r="C6" s="16"/>
      <c r="D6" s="16"/>
      <c r="E6" s="16"/>
      <c r="F6" s="17"/>
      <c r="G6" s="16"/>
      <c r="H6" s="18"/>
      <c r="I6" s="19"/>
      <c r="J6" s="20"/>
      <c r="K6" s="21"/>
    </row>
    <row r="7" spans="1:11" ht="16.5" customHeight="1">
      <c r="A7" s="22" t="s">
        <v>30</v>
      </c>
      <c r="B7" s="23"/>
      <c r="C7" s="23"/>
      <c r="D7" s="23"/>
      <c r="E7" s="23"/>
      <c r="F7" s="24"/>
      <c r="G7" s="23"/>
      <c r="H7" s="25"/>
      <c r="I7" s="26"/>
      <c r="J7" s="27"/>
      <c r="K7" s="28"/>
    </row>
    <row r="8" spans="1:11" ht="16.5" customHeight="1">
      <c r="A8" s="15"/>
      <c r="B8" s="16"/>
      <c r="C8" s="16"/>
      <c r="D8" s="16"/>
      <c r="E8" s="16"/>
      <c r="F8" s="17"/>
      <c r="G8" s="16"/>
      <c r="H8" s="18"/>
      <c r="I8" s="19"/>
      <c r="J8" s="20"/>
      <c r="K8" s="21"/>
    </row>
    <row r="9" spans="1:11" ht="16.5" customHeight="1">
      <c r="A9" s="22"/>
      <c r="B9" s="23" t="s">
        <v>0</v>
      </c>
      <c r="C9" s="23"/>
      <c r="D9" s="23"/>
      <c r="E9" s="29" t="s">
        <v>9</v>
      </c>
      <c r="F9" s="24">
        <v>1</v>
      </c>
      <c r="G9" s="23"/>
      <c r="H9" s="25"/>
      <c r="I9" s="26"/>
      <c r="J9" s="27"/>
      <c r="K9" s="28"/>
    </row>
    <row r="10" spans="1:11" ht="16.5" customHeight="1">
      <c r="A10" s="15"/>
      <c r="B10" s="16"/>
      <c r="C10" s="16"/>
      <c r="D10" s="16"/>
      <c r="E10" s="16"/>
      <c r="F10" s="17"/>
      <c r="G10" s="16"/>
      <c r="H10" s="18"/>
      <c r="I10" s="19"/>
      <c r="J10" s="20"/>
      <c r="K10" s="21"/>
    </row>
    <row r="11" spans="1:11" ht="16.5" customHeight="1">
      <c r="A11" s="22"/>
      <c r="B11" s="23" t="s">
        <v>31</v>
      </c>
      <c r="C11" s="23"/>
      <c r="D11" s="23"/>
      <c r="E11" s="23"/>
      <c r="F11" s="24"/>
      <c r="G11" s="23"/>
      <c r="H11" s="25"/>
      <c r="I11" s="26"/>
      <c r="J11" s="27"/>
      <c r="K11" s="28"/>
    </row>
    <row r="12" spans="1:11" ht="16.5" customHeight="1">
      <c r="A12" s="15"/>
      <c r="B12" s="16"/>
      <c r="C12" s="16"/>
      <c r="D12" s="16"/>
      <c r="E12" s="16"/>
      <c r="F12" s="17"/>
      <c r="G12" s="16"/>
      <c r="H12" s="18"/>
      <c r="I12" s="19"/>
      <c r="J12" s="20"/>
      <c r="K12" s="21"/>
    </row>
    <row r="13" spans="1:11" ht="16.5" customHeight="1">
      <c r="A13" s="22"/>
      <c r="B13" s="23" t="s">
        <v>32</v>
      </c>
      <c r="C13" s="23"/>
      <c r="D13" s="23"/>
      <c r="E13" s="23"/>
      <c r="F13" s="24"/>
      <c r="G13" s="23"/>
      <c r="H13" s="25"/>
      <c r="I13" s="26"/>
      <c r="J13" s="27"/>
      <c r="K13" s="28"/>
    </row>
    <row r="14" spans="1:11" ht="16.5" customHeight="1">
      <c r="A14" s="15"/>
      <c r="B14" s="16"/>
      <c r="C14" s="16"/>
      <c r="D14" s="16"/>
      <c r="E14" s="16"/>
      <c r="F14" s="17"/>
      <c r="G14" s="16"/>
      <c r="H14" s="18"/>
      <c r="I14" s="19"/>
      <c r="J14" s="20"/>
      <c r="K14" s="21"/>
    </row>
    <row r="15" spans="1:11" ht="16.5" customHeight="1">
      <c r="A15" s="22"/>
      <c r="B15" s="23"/>
      <c r="C15" s="23" t="s">
        <v>1</v>
      </c>
      <c r="D15" s="23"/>
      <c r="E15" s="29" t="s">
        <v>9</v>
      </c>
      <c r="F15" s="24">
        <v>1</v>
      </c>
      <c r="G15" s="23"/>
      <c r="H15" s="25"/>
      <c r="I15" s="26"/>
      <c r="J15" s="27"/>
      <c r="K15" s="28"/>
    </row>
    <row r="16" spans="1:11" ht="16.5" customHeight="1">
      <c r="A16" s="15"/>
      <c r="B16" s="16"/>
      <c r="C16" s="16"/>
      <c r="D16" s="16"/>
      <c r="E16" s="16"/>
      <c r="F16" s="17"/>
      <c r="G16" s="16"/>
      <c r="H16" s="18"/>
      <c r="I16" s="19"/>
      <c r="J16" s="20"/>
      <c r="K16" s="21"/>
    </row>
    <row r="17" spans="1:11" ht="16.5" customHeight="1">
      <c r="A17" s="22"/>
      <c r="B17" s="23"/>
      <c r="C17" s="23"/>
      <c r="D17" s="23" t="s">
        <v>33</v>
      </c>
      <c r="E17" s="23"/>
      <c r="F17" s="24"/>
      <c r="G17" s="23"/>
      <c r="H17" s="25"/>
      <c r="I17" s="26"/>
      <c r="J17" s="27"/>
      <c r="K17" s="28"/>
    </row>
    <row r="18" spans="1:11" ht="16.5" customHeight="1">
      <c r="A18" s="15"/>
      <c r="B18" s="16"/>
      <c r="C18" s="16"/>
      <c r="D18" s="16"/>
      <c r="E18" s="16"/>
      <c r="F18" s="17"/>
      <c r="G18" s="16"/>
      <c r="H18" s="18"/>
      <c r="I18" s="19"/>
      <c r="J18" s="20"/>
      <c r="K18" s="21"/>
    </row>
    <row r="19" spans="1:11" ht="16.5" customHeight="1">
      <c r="A19" s="22"/>
      <c r="B19" s="23"/>
      <c r="C19" s="23" t="s">
        <v>10</v>
      </c>
      <c r="D19" s="23" t="s">
        <v>16</v>
      </c>
      <c r="E19" s="29" t="s">
        <v>9</v>
      </c>
      <c r="F19" s="24">
        <v>1</v>
      </c>
      <c r="G19" s="23"/>
      <c r="H19" s="25"/>
      <c r="I19" s="26"/>
      <c r="J19" s="27"/>
      <c r="K19" s="28"/>
    </row>
    <row r="20" spans="1:11" ht="16.5" customHeight="1">
      <c r="A20" s="15"/>
      <c r="B20" s="16"/>
      <c r="C20" s="16"/>
      <c r="D20" s="16"/>
      <c r="E20" s="16"/>
      <c r="F20" s="17"/>
      <c r="G20" s="16"/>
      <c r="H20" s="18"/>
      <c r="I20" s="19"/>
      <c r="J20" s="20"/>
      <c r="K20" s="21"/>
    </row>
    <row r="21" spans="1:11" ht="16.5" customHeight="1">
      <c r="A21" s="22"/>
      <c r="B21" s="23"/>
      <c r="C21" s="23"/>
      <c r="D21" s="23" t="s">
        <v>34</v>
      </c>
      <c r="E21" s="29" t="s">
        <v>9</v>
      </c>
      <c r="F21" s="24">
        <v>1</v>
      </c>
      <c r="G21" s="23"/>
      <c r="H21" s="25"/>
      <c r="I21" s="174"/>
      <c r="J21" s="27"/>
      <c r="K21" s="28"/>
    </row>
    <row r="22" spans="1:11" ht="16.5" customHeight="1">
      <c r="A22" s="15"/>
      <c r="B22" s="16"/>
      <c r="C22" s="16"/>
      <c r="D22" s="16"/>
      <c r="E22" s="16"/>
      <c r="F22" s="17"/>
      <c r="G22" s="16"/>
      <c r="H22" s="18"/>
      <c r="I22" s="19"/>
      <c r="J22" s="20"/>
      <c r="K22" s="21"/>
    </row>
    <row r="23" spans="1:11" ht="16.5" customHeight="1">
      <c r="A23" s="22"/>
      <c r="B23" s="23"/>
      <c r="C23" s="23"/>
      <c r="D23" s="23" t="s">
        <v>35</v>
      </c>
      <c r="E23" s="23"/>
      <c r="F23" s="24"/>
      <c r="G23" s="23"/>
      <c r="H23" s="25"/>
      <c r="I23" s="26"/>
      <c r="J23" s="27"/>
      <c r="K23" s="28"/>
    </row>
    <row r="24" spans="1:11" ht="16.5" customHeight="1">
      <c r="A24" s="15"/>
      <c r="B24" s="16"/>
      <c r="C24" s="16"/>
      <c r="D24" s="16"/>
      <c r="E24" s="16"/>
      <c r="F24" s="17"/>
      <c r="G24" s="16"/>
      <c r="H24" s="18"/>
      <c r="I24" s="19"/>
      <c r="J24" s="20"/>
      <c r="K24" s="21"/>
    </row>
    <row r="25" spans="1:11" ht="16.5" customHeight="1">
      <c r="A25" s="22"/>
      <c r="B25" s="23"/>
      <c r="C25" s="23" t="s">
        <v>11</v>
      </c>
      <c r="D25" s="23" t="s">
        <v>2</v>
      </c>
      <c r="E25" s="29" t="s">
        <v>9</v>
      </c>
      <c r="F25" s="24">
        <v>1</v>
      </c>
      <c r="G25" s="23"/>
      <c r="H25" s="25"/>
      <c r="I25" s="26"/>
      <c r="J25" s="27"/>
      <c r="K25" s="28"/>
    </row>
    <row r="26" spans="1:11" ht="16.5" customHeight="1">
      <c r="A26" s="15"/>
      <c r="B26" s="16"/>
      <c r="C26" s="16"/>
      <c r="D26" s="16"/>
      <c r="E26" s="16"/>
      <c r="F26" s="17"/>
      <c r="G26" s="16"/>
      <c r="H26" s="18"/>
      <c r="I26" s="19"/>
      <c r="J26" s="20"/>
      <c r="K26" s="21"/>
    </row>
    <row r="27" spans="1:11" ht="16.5" customHeight="1">
      <c r="A27" s="22"/>
      <c r="B27" s="23"/>
      <c r="C27" s="23"/>
      <c r="D27" s="23" t="s">
        <v>3</v>
      </c>
      <c r="E27" s="29" t="s">
        <v>9</v>
      </c>
      <c r="F27" s="24">
        <v>1</v>
      </c>
      <c r="G27" s="23"/>
      <c r="H27" s="25"/>
      <c r="I27" s="26"/>
      <c r="J27" s="27"/>
      <c r="K27" s="28"/>
    </row>
    <row r="28" spans="1:11" ht="16.5" customHeight="1">
      <c r="A28" s="15"/>
      <c r="B28" s="16"/>
      <c r="C28" s="16"/>
      <c r="D28" s="16"/>
      <c r="E28" s="16"/>
      <c r="F28" s="17"/>
      <c r="G28" s="16"/>
      <c r="H28" s="18"/>
      <c r="I28" s="19"/>
      <c r="J28" s="20"/>
      <c r="K28" s="21"/>
    </row>
    <row r="29" spans="1:11" ht="16.5" customHeight="1">
      <c r="A29" s="22"/>
      <c r="B29" s="23"/>
      <c r="C29" s="23"/>
      <c r="D29" s="23" t="s">
        <v>36</v>
      </c>
      <c r="E29" s="23"/>
      <c r="F29" s="24"/>
      <c r="G29" s="23"/>
      <c r="H29" s="25"/>
      <c r="I29" s="26"/>
      <c r="J29" s="27"/>
      <c r="K29" s="28"/>
    </row>
    <row r="30" spans="1:11" ht="16.5" customHeight="1">
      <c r="A30" s="15"/>
      <c r="B30" s="16"/>
      <c r="C30" s="16"/>
      <c r="D30" s="16"/>
      <c r="E30" s="16"/>
      <c r="F30" s="17"/>
      <c r="G30" s="16"/>
      <c r="H30" s="18"/>
      <c r="I30" s="19"/>
      <c r="J30" s="20"/>
      <c r="K30" s="21"/>
    </row>
    <row r="31" spans="1:11" ht="16.5" customHeight="1">
      <c r="A31" s="22"/>
      <c r="B31" s="23"/>
      <c r="C31" s="23" t="s">
        <v>4</v>
      </c>
      <c r="D31" s="23"/>
      <c r="E31" s="29" t="s">
        <v>9</v>
      </c>
      <c r="F31" s="24">
        <v>1</v>
      </c>
      <c r="G31" s="23"/>
      <c r="H31" s="25"/>
      <c r="I31" s="26"/>
      <c r="J31" s="27"/>
      <c r="K31" s="28"/>
    </row>
    <row r="32" spans="1:11" ht="16.5" customHeight="1">
      <c r="A32" s="15"/>
      <c r="B32" s="16"/>
      <c r="C32" s="16"/>
      <c r="D32" s="16"/>
      <c r="E32" s="16"/>
      <c r="F32" s="17"/>
      <c r="G32" s="16"/>
      <c r="H32" s="18"/>
      <c r="I32" s="19"/>
      <c r="J32" s="20"/>
      <c r="K32" s="21"/>
    </row>
    <row r="33" spans="1:11" ht="16.5" customHeight="1">
      <c r="A33" s="30"/>
      <c r="B33" s="31"/>
      <c r="C33" s="31"/>
      <c r="D33" s="31" t="s">
        <v>37</v>
      </c>
      <c r="E33" s="31"/>
      <c r="F33" s="32"/>
      <c r="G33" s="31"/>
      <c r="H33" s="33"/>
      <c r="I33" s="34"/>
      <c r="J33" s="35"/>
      <c r="K33" s="36"/>
    </row>
    <row r="34" spans="1:11" ht="16.5" customHeight="1">
      <c r="A34" s="15"/>
      <c r="B34" s="16"/>
      <c r="C34" s="16"/>
      <c r="D34" s="16"/>
      <c r="E34" s="16"/>
      <c r="F34" s="17"/>
      <c r="G34" s="16"/>
      <c r="H34" s="18"/>
      <c r="I34" s="19"/>
      <c r="J34" s="20"/>
      <c r="K34" s="21"/>
    </row>
    <row r="35" spans="1:11" ht="16.5" customHeight="1">
      <c r="A35" s="22"/>
      <c r="B35" s="23"/>
      <c r="C35" s="23" t="s">
        <v>38</v>
      </c>
      <c r="D35" s="23" t="s">
        <v>18</v>
      </c>
      <c r="E35" s="29" t="s">
        <v>9</v>
      </c>
      <c r="F35" s="24">
        <v>1</v>
      </c>
      <c r="G35" s="23"/>
      <c r="H35" s="25"/>
      <c r="I35" s="175"/>
      <c r="J35" s="27"/>
      <c r="K35" s="176"/>
    </row>
    <row r="36" spans="1:11" ht="16.5" customHeight="1">
      <c r="A36" s="15"/>
      <c r="B36" s="16"/>
      <c r="C36" s="16"/>
      <c r="D36" s="16"/>
      <c r="E36" s="16"/>
      <c r="F36" s="17"/>
      <c r="G36" s="16"/>
      <c r="H36" s="18"/>
      <c r="I36" s="19"/>
      <c r="J36" s="20"/>
      <c r="K36" s="21"/>
    </row>
    <row r="37" spans="1:11" ht="16.5" customHeight="1">
      <c r="A37" s="22"/>
      <c r="B37" s="23"/>
      <c r="C37" s="23"/>
      <c r="D37" s="23" t="s">
        <v>17</v>
      </c>
      <c r="E37" s="29" t="s">
        <v>9</v>
      </c>
      <c r="F37" s="24">
        <v>1</v>
      </c>
      <c r="G37" s="23"/>
      <c r="H37" s="25"/>
      <c r="I37" s="26"/>
      <c r="J37" s="27"/>
      <c r="K37" s="28"/>
    </row>
    <row r="38" spans="1:11" ht="16.5" customHeight="1">
      <c r="A38" s="15"/>
      <c r="B38" s="16"/>
      <c r="C38" s="16"/>
      <c r="D38" s="16"/>
      <c r="E38" s="16"/>
      <c r="F38" s="17"/>
      <c r="G38" s="16"/>
      <c r="H38" s="18"/>
      <c r="I38" s="19"/>
      <c r="J38" s="20"/>
      <c r="K38" s="21"/>
    </row>
    <row r="39" spans="1:11" ht="16.5" customHeight="1">
      <c r="A39" s="22"/>
      <c r="B39" s="23"/>
      <c r="C39" s="23"/>
      <c r="D39" s="23" t="s">
        <v>39</v>
      </c>
      <c r="E39" s="23"/>
      <c r="F39" s="24"/>
      <c r="G39" s="23"/>
      <c r="H39" s="25"/>
      <c r="I39" s="26"/>
      <c r="J39" s="27"/>
      <c r="K39" s="28"/>
    </row>
    <row r="40" spans="1:11" ht="16.5" customHeight="1">
      <c r="A40" s="15"/>
      <c r="B40" s="16"/>
      <c r="C40" s="16"/>
      <c r="D40" s="16"/>
      <c r="E40" s="16"/>
      <c r="F40" s="17"/>
      <c r="G40" s="16"/>
      <c r="H40" s="18"/>
      <c r="I40" s="19"/>
      <c r="J40" s="20"/>
      <c r="K40" s="21"/>
    </row>
    <row r="41" spans="1:11" ht="16.5" customHeight="1">
      <c r="A41" s="22"/>
      <c r="B41" s="23"/>
      <c r="C41" s="23" t="s">
        <v>40</v>
      </c>
      <c r="D41" s="23"/>
      <c r="E41" s="29" t="s">
        <v>9</v>
      </c>
      <c r="F41" s="24">
        <v>1</v>
      </c>
      <c r="G41" s="23"/>
      <c r="H41" s="25"/>
      <c r="I41" s="177"/>
      <c r="J41" s="27"/>
      <c r="K41" s="28"/>
    </row>
    <row r="42" spans="1:11" ht="16.5" customHeight="1">
      <c r="A42" s="15"/>
      <c r="B42" s="16"/>
      <c r="C42" s="16"/>
      <c r="D42" s="16"/>
      <c r="E42" s="16"/>
      <c r="F42" s="17"/>
      <c r="G42" s="16"/>
      <c r="H42" s="18"/>
      <c r="I42" s="19"/>
      <c r="J42" s="20"/>
      <c r="K42" s="21"/>
    </row>
    <row r="43" spans="1:11" ht="16.5" customHeight="1">
      <c r="A43" s="22"/>
      <c r="B43" s="23"/>
      <c r="C43" s="23"/>
      <c r="D43" s="23" t="s">
        <v>41</v>
      </c>
      <c r="E43" s="23"/>
      <c r="F43" s="24"/>
      <c r="G43" s="23"/>
      <c r="H43" s="25"/>
      <c r="I43" s="26"/>
      <c r="J43" s="27"/>
      <c r="K43" s="28"/>
    </row>
    <row r="44" spans="1:11" ht="16.5" customHeight="1">
      <c r="A44" s="15"/>
      <c r="B44" s="16"/>
      <c r="C44" s="16"/>
      <c r="D44" s="16"/>
      <c r="E44" s="16"/>
      <c r="F44" s="17"/>
      <c r="G44" s="16"/>
      <c r="H44" s="18"/>
      <c r="I44" s="19"/>
      <c r="J44" s="20"/>
      <c r="K44" s="21"/>
    </row>
    <row r="45" spans="1:11" ht="16.5" customHeight="1">
      <c r="A45" s="22"/>
      <c r="B45" s="23" t="s">
        <v>42</v>
      </c>
      <c r="C45" s="23"/>
      <c r="D45" s="23"/>
      <c r="E45" s="23"/>
      <c r="F45" s="24"/>
      <c r="G45" s="23"/>
      <c r="H45" s="25"/>
      <c r="I45" s="26"/>
      <c r="J45" s="27"/>
      <c r="K45" s="28"/>
    </row>
    <row r="46" spans="1:11" ht="16.5" customHeight="1">
      <c r="A46" s="15"/>
      <c r="B46" s="16"/>
      <c r="C46" s="16"/>
      <c r="D46" s="16"/>
      <c r="E46" s="16"/>
      <c r="F46" s="17"/>
      <c r="G46" s="16"/>
      <c r="H46" s="18"/>
      <c r="I46" s="19"/>
      <c r="J46" s="20"/>
      <c r="K46" s="21"/>
    </row>
    <row r="47" spans="1:11" ht="16.5" customHeight="1">
      <c r="A47" s="22"/>
      <c r="B47" s="23"/>
      <c r="C47" s="23"/>
      <c r="D47" s="23"/>
      <c r="E47" s="23"/>
      <c r="F47" s="24"/>
      <c r="G47" s="23"/>
      <c r="H47" s="25"/>
      <c r="I47" s="26"/>
      <c r="J47" s="27"/>
      <c r="K47" s="28"/>
    </row>
    <row r="48" spans="1:11" ht="16.5" customHeight="1">
      <c r="A48" s="15"/>
      <c r="B48" s="16"/>
      <c r="C48" s="16"/>
      <c r="D48" s="16"/>
      <c r="E48" s="16"/>
      <c r="F48" s="17"/>
      <c r="G48" s="16"/>
      <c r="H48" s="18"/>
      <c r="I48" s="19"/>
      <c r="J48" s="20"/>
      <c r="K48" s="21"/>
    </row>
    <row r="49" spans="1:11" ht="16.5" customHeight="1">
      <c r="A49" s="22"/>
      <c r="B49" s="23" t="s">
        <v>43</v>
      </c>
      <c r="C49" s="23" t="s">
        <v>44</v>
      </c>
      <c r="D49" s="23"/>
      <c r="E49" s="29" t="s">
        <v>9</v>
      </c>
      <c r="F49" s="24">
        <v>1</v>
      </c>
      <c r="G49" s="23"/>
      <c r="H49" s="25"/>
      <c r="I49" s="178"/>
      <c r="J49" s="27"/>
      <c r="K49" s="28"/>
    </row>
    <row r="50" spans="1:11" ht="16.5" customHeight="1">
      <c r="A50" s="15"/>
      <c r="B50" s="16"/>
      <c r="C50" s="16"/>
      <c r="D50" s="16"/>
      <c r="E50" s="16"/>
      <c r="F50" s="17"/>
      <c r="G50" s="16"/>
      <c r="H50" s="18"/>
      <c r="I50" s="19"/>
      <c r="J50" s="20"/>
      <c r="K50" s="21"/>
    </row>
    <row r="51" spans="1:11" ht="16.5" customHeight="1">
      <c r="A51" s="22"/>
      <c r="B51" s="23"/>
      <c r="C51" s="23"/>
      <c r="D51" s="23" t="s">
        <v>45</v>
      </c>
      <c r="E51" s="29" t="s">
        <v>9</v>
      </c>
      <c r="F51" s="24">
        <v>1</v>
      </c>
      <c r="G51" s="23"/>
      <c r="H51" s="25"/>
      <c r="I51" s="26"/>
      <c r="J51" s="27"/>
      <c r="K51" s="28"/>
    </row>
    <row r="52" spans="1:11" ht="16.5" customHeight="1">
      <c r="A52" s="15"/>
      <c r="B52" s="16"/>
      <c r="C52" s="16"/>
      <c r="D52" s="16"/>
      <c r="E52" s="16"/>
      <c r="F52" s="17"/>
      <c r="G52" s="16"/>
      <c r="H52" s="18"/>
      <c r="I52" s="19"/>
      <c r="J52" s="20"/>
      <c r="K52" s="21"/>
    </row>
    <row r="53" spans="1:11" ht="16.5" customHeight="1">
      <c r="A53" s="22"/>
      <c r="B53" s="23"/>
      <c r="C53" s="23"/>
      <c r="D53" s="23" t="s">
        <v>46</v>
      </c>
      <c r="E53" s="29" t="s">
        <v>9</v>
      </c>
      <c r="F53" s="24">
        <v>1</v>
      </c>
      <c r="G53" s="23"/>
      <c r="H53" s="25"/>
      <c r="I53" s="26"/>
      <c r="J53" s="27"/>
      <c r="K53" s="28"/>
    </row>
    <row r="54" spans="1:11" ht="16.5" customHeight="1">
      <c r="A54" s="15"/>
      <c r="B54" s="16"/>
      <c r="C54" s="16"/>
      <c r="D54" s="16"/>
      <c r="E54" s="16"/>
      <c r="F54" s="17"/>
      <c r="G54" s="16"/>
      <c r="H54" s="18"/>
      <c r="I54" s="19"/>
      <c r="J54" s="20"/>
      <c r="K54" s="21"/>
    </row>
    <row r="55" spans="1:11" ht="16.5" customHeight="1">
      <c r="A55" s="22"/>
      <c r="B55" s="23"/>
      <c r="C55" s="23"/>
      <c r="D55" s="23" t="s">
        <v>19</v>
      </c>
      <c r="E55" s="29" t="s">
        <v>9</v>
      </c>
      <c r="F55" s="24">
        <v>1</v>
      </c>
      <c r="G55" s="23"/>
      <c r="H55" s="25"/>
      <c r="I55" s="26"/>
      <c r="J55" s="27"/>
      <c r="K55" s="28"/>
    </row>
    <row r="56" spans="1:11" ht="16.5" customHeight="1">
      <c r="A56" s="15"/>
      <c r="B56" s="16"/>
      <c r="C56" s="16"/>
      <c r="D56" s="16"/>
      <c r="E56" s="16"/>
      <c r="F56" s="17"/>
      <c r="G56" s="16"/>
      <c r="H56" s="18"/>
      <c r="I56" s="19"/>
      <c r="J56" s="20"/>
      <c r="K56" s="21"/>
    </row>
    <row r="57" spans="1:11" ht="16.5" customHeight="1">
      <c r="A57" s="22"/>
      <c r="B57" s="23"/>
      <c r="C57" s="23"/>
      <c r="D57" s="23" t="s">
        <v>47</v>
      </c>
      <c r="E57" s="29" t="s">
        <v>9</v>
      </c>
      <c r="F57" s="24">
        <v>1</v>
      </c>
      <c r="G57" s="23"/>
      <c r="H57" s="25"/>
      <c r="I57" s="26"/>
      <c r="J57" s="27"/>
      <c r="K57" s="28"/>
    </row>
    <row r="58" spans="1:11" ht="16.5" customHeight="1">
      <c r="A58" s="15"/>
      <c r="B58" s="16"/>
      <c r="C58" s="16"/>
      <c r="D58" s="16"/>
      <c r="E58" s="16"/>
      <c r="F58" s="17"/>
      <c r="G58" s="16"/>
      <c r="H58" s="18"/>
      <c r="I58" s="19"/>
      <c r="J58" s="20"/>
      <c r="K58" s="21"/>
    </row>
    <row r="59" spans="1:11" ht="16.5" customHeight="1">
      <c r="A59" s="22"/>
      <c r="B59" s="23"/>
      <c r="C59" s="23"/>
      <c r="D59" s="23" t="s">
        <v>48</v>
      </c>
      <c r="E59" s="29" t="s">
        <v>9</v>
      </c>
      <c r="F59" s="24">
        <v>1</v>
      </c>
      <c r="G59" s="23"/>
      <c r="H59" s="25"/>
      <c r="I59" s="26"/>
      <c r="J59" s="27"/>
      <c r="K59" s="28"/>
    </row>
    <row r="60" spans="1:11" ht="16.5" customHeight="1">
      <c r="A60" s="15"/>
      <c r="B60" s="16"/>
      <c r="C60" s="16"/>
      <c r="D60" s="16"/>
      <c r="E60" s="16"/>
      <c r="F60" s="17"/>
      <c r="G60" s="16"/>
      <c r="H60" s="18"/>
      <c r="I60" s="19"/>
      <c r="J60" s="20"/>
      <c r="K60" s="21"/>
    </row>
    <row r="61" spans="1:11" ht="16.5" customHeight="1">
      <c r="A61" s="22"/>
      <c r="B61" s="23"/>
      <c r="C61" s="23" t="s">
        <v>49</v>
      </c>
      <c r="D61" s="23"/>
      <c r="E61" s="23"/>
      <c r="F61" s="24"/>
      <c r="G61" s="23"/>
      <c r="H61" s="25"/>
      <c r="I61" s="26"/>
      <c r="J61" s="27"/>
      <c r="K61" s="176"/>
    </row>
    <row r="62" spans="1:11" ht="16.5" customHeight="1">
      <c r="A62" s="15"/>
      <c r="B62" s="16"/>
      <c r="C62" s="16"/>
      <c r="D62" s="16"/>
      <c r="E62" s="16"/>
      <c r="F62" s="17"/>
      <c r="G62" s="16"/>
      <c r="H62" s="18"/>
      <c r="I62" s="19"/>
      <c r="J62" s="20"/>
      <c r="K62" s="21"/>
    </row>
    <row r="63" spans="1:11" ht="16.5" customHeight="1">
      <c r="A63" s="30"/>
      <c r="B63" s="31"/>
      <c r="C63" s="31"/>
      <c r="D63" s="31"/>
      <c r="E63" s="31"/>
      <c r="F63" s="32"/>
      <c r="G63" s="31"/>
      <c r="H63" s="33"/>
      <c r="I63" s="34"/>
      <c r="J63" s="35"/>
      <c r="K63" s="36"/>
    </row>
    <row r="64" spans="1:11" ht="16.5" customHeight="1">
      <c r="A64" s="15"/>
      <c r="B64" s="16"/>
      <c r="C64" s="16"/>
      <c r="D64" s="16"/>
      <c r="E64" s="16"/>
      <c r="F64" s="17"/>
      <c r="G64" s="16"/>
      <c r="H64" s="18"/>
      <c r="I64" s="19"/>
      <c r="J64" s="20"/>
      <c r="K64" s="21"/>
    </row>
    <row r="65" spans="1:11" ht="16.5" customHeight="1">
      <c r="A65" s="22"/>
      <c r="B65" s="23" t="s">
        <v>50</v>
      </c>
      <c r="C65" s="23"/>
      <c r="D65" s="23"/>
      <c r="E65" s="23"/>
      <c r="F65" s="24"/>
      <c r="G65" s="23"/>
      <c r="H65" s="25"/>
      <c r="I65" s="26" t="s">
        <v>51</v>
      </c>
      <c r="J65" s="27"/>
      <c r="K65" s="28"/>
    </row>
    <row r="66" spans="1:11" ht="16.5" customHeight="1">
      <c r="A66" s="15"/>
      <c r="B66" s="16"/>
      <c r="C66" s="16"/>
      <c r="D66" s="16"/>
      <c r="E66" s="16"/>
      <c r="F66" s="17"/>
      <c r="G66" s="16"/>
      <c r="H66" s="18"/>
      <c r="I66" s="19"/>
      <c r="J66" s="20"/>
      <c r="K66" s="21"/>
    </row>
    <row r="67" spans="1:11" ht="16.5" customHeight="1">
      <c r="A67" s="22"/>
      <c r="B67" s="23"/>
      <c r="C67" s="23"/>
      <c r="D67" s="23"/>
      <c r="E67" s="23"/>
      <c r="F67" s="24"/>
      <c r="G67" s="23"/>
      <c r="H67" s="25"/>
      <c r="I67" s="26"/>
      <c r="J67" s="27"/>
      <c r="K67" s="28"/>
    </row>
    <row r="68" spans="1:11" ht="16.5" customHeight="1">
      <c r="A68" s="15"/>
      <c r="B68" s="16"/>
      <c r="C68" s="16"/>
      <c r="D68" s="16"/>
      <c r="E68" s="16"/>
      <c r="F68" s="17"/>
      <c r="G68" s="16"/>
      <c r="H68" s="18"/>
      <c r="I68" s="19"/>
      <c r="J68" s="20"/>
      <c r="K68" s="21"/>
    </row>
    <row r="69" spans="1:11" ht="16.5" customHeight="1">
      <c r="A69" s="22"/>
      <c r="B69" s="23"/>
      <c r="C69" s="23" t="s">
        <v>52</v>
      </c>
      <c r="D69" s="23"/>
      <c r="E69" s="29" t="s">
        <v>9</v>
      </c>
      <c r="F69" s="24">
        <v>1</v>
      </c>
      <c r="G69" s="23"/>
      <c r="H69" s="25"/>
      <c r="I69" s="178"/>
      <c r="J69" s="27"/>
      <c r="K69" s="28"/>
    </row>
    <row r="70" spans="1:11" ht="16.5" customHeight="1">
      <c r="A70" s="15"/>
      <c r="B70" s="16"/>
      <c r="C70" s="16"/>
      <c r="D70" s="16"/>
      <c r="E70" s="16"/>
      <c r="F70" s="17"/>
      <c r="G70" s="16"/>
      <c r="H70" s="18"/>
      <c r="I70" s="19"/>
      <c r="J70" s="20"/>
      <c r="K70" s="21"/>
    </row>
    <row r="71" spans="1:11" ht="16.5" customHeight="1">
      <c r="A71" s="22"/>
      <c r="B71" s="23"/>
      <c r="C71" s="23" t="s">
        <v>53</v>
      </c>
      <c r="D71" s="23"/>
      <c r="E71" s="29" t="s">
        <v>9</v>
      </c>
      <c r="F71" s="24">
        <v>1</v>
      </c>
      <c r="G71" s="23"/>
      <c r="H71" s="25"/>
      <c r="I71" s="174"/>
      <c r="J71" s="27"/>
      <c r="K71" s="28"/>
    </row>
    <row r="72" spans="1:11" ht="16.5" customHeight="1">
      <c r="A72" s="15"/>
      <c r="B72" s="16"/>
      <c r="C72" s="16"/>
      <c r="D72" s="16"/>
      <c r="E72" s="16"/>
      <c r="F72" s="17"/>
      <c r="G72" s="16"/>
      <c r="H72" s="18"/>
      <c r="I72" s="19"/>
      <c r="J72" s="20"/>
      <c r="K72" s="21"/>
    </row>
    <row r="73" spans="1:11" ht="16.5" customHeight="1">
      <c r="A73" s="22"/>
      <c r="B73" s="23" t="s">
        <v>54</v>
      </c>
      <c r="C73" s="23"/>
      <c r="D73" s="23"/>
      <c r="E73" s="23"/>
      <c r="F73" s="24"/>
      <c r="G73" s="23"/>
      <c r="H73" s="25"/>
      <c r="I73" s="26"/>
      <c r="J73" s="27"/>
      <c r="K73" s="28"/>
    </row>
    <row r="74" spans="1:11" ht="16.5" customHeight="1">
      <c r="A74" s="15"/>
      <c r="B74" s="16"/>
      <c r="C74" s="16"/>
      <c r="D74" s="16"/>
      <c r="E74" s="16"/>
      <c r="F74" s="17"/>
      <c r="G74" s="16"/>
      <c r="H74" s="18"/>
      <c r="I74" s="19"/>
      <c r="J74" s="20"/>
      <c r="K74" s="21"/>
    </row>
    <row r="75" spans="1:11" ht="16.5" customHeight="1">
      <c r="A75" s="22"/>
      <c r="B75" s="23" t="s">
        <v>12</v>
      </c>
      <c r="C75" s="23"/>
      <c r="D75" s="23"/>
      <c r="E75" s="23"/>
      <c r="F75" s="24"/>
      <c r="G75" s="23"/>
      <c r="H75" s="25"/>
      <c r="I75" s="26"/>
      <c r="J75" s="27"/>
      <c r="K75" s="28"/>
    </row>
    <row r="76" spans="1:11" ht="16.5" customHeight="1">
      <c r="A76" s="15"/>
      <c r="B76" s="16"/>
      <c r="C76" s="16"/>
      <c r="D76" s="16"/>
      <c r="E76" s="16"/>
      <c r="F76" s="17"/>
      <c r="G76" s="16"/>
      <c r="H76" s="18"/>
      <c r="I76" s="19"/>
      <c r="J76" s="20"/>
      <c r="K76" s="21"/>
    </row>
    <row r="77" spans="1:11" ht="16.5" customHeight="1">
      <c r="A77" s="22"/>
      <c r="B77" s="23"/>
      <c r="C77" s="23" t="s">
        <v>6</v>
      </c>
      <c r="D77" s="23"/>
      <c r="E77" s="29" t="s">
        <v>9</v>
      </c>
      <c r="F77" s="24">
        <v>1</v>
      </c>
      <c r="G77" s="23"/>
      <c r="H77" s="25"/>
      <c r="I77" s="177"/>
      <c r="J77" s="27"/>
      <c r="K77" s="28"/>
    </row>
    <row r="78" spans="1:11" ht="16.5" customHeight="1">
      <c r="A78" s="15"/>
      <c r="B78" s="16"/>
      <c r="C78" s="16"/>
      <c r="D78" s="16"/>
      <c r="E78" s="16"/>
      <c r="F78" s="17"/>
      <c r="G78" s="16"/>
      <c r="H78" s="18"/>
      <c r="I78" s="19"/>
      <c r="J78" s="20"/>
      <c r="K78" s="21"/>
    </row>
    <row r="79" spans="1:11" ht="16.5" customHeight="1">
      <c r="A79" s="22"/>
      <c r="B79" s="23" t="s">
        <v>55</v>
      </c>
      <c r="C79" s="23"/>
      <c r="D79" s="23"/>
      <c r="E79" s="23"/>
      <c r="F79" s="24"/>
      <c r="G79" s="23"/>
      <c r="H79" s="25"/>
      <c r="I79" s="26"/>
      <c r="J79" s="27"/>
      <c r="K79" s="28"/>
    </row>
    <row r="80" spans="1:11" ht="16.5" customHeight="1">
      <c r="A80" s="15"/>
      <c r="B80" s="16"/>
      <c r="C80" s="16"/>
      <c r="D80" s="16"/>
      <c r="E80" s="16"/>
      <c r="F80" s="17"/>
      <c r="G80" s="16"/>
      <c r="H80" s="18"/>
      <c r="I80" s="19"/>
      <c r="J80" s="20"/>
      <c r="K80" s="21"/>
    </row>
    <row r="81" spans="1:11" ht="16.5" customHeight="1">
      <c r="A81" s="22"/>
      <c r="B81" s="23"/>
      <c r="C81" s="23" t="s">
        <v>7</v>
      </c>
      <c r="D81" s="23"/>
      <c r="E81" s="29" t="s">
        <v>9</v>
      </c>
      <c r="F81" s="24">
        <v>1</v>
      </c>
      <c r="G81" s="23"/>
      <c r="H81" s="25"/>
      <c r="I81" s="178"/>
      <c r="J81" s="27"/>
      <c r="K81" s="28"/>
    </row>
    <row r="82" spans="1:11" ht="16.5" customHeight="1">
      <c r="A82" s="15"/>
      <c r="B82" s="16"/>
      <c r="C82" s="16"/>
      <c r="D82" s="16"/>
      <c r="E82" s="16"/>
      <c r="F82" s="17"/>
      <c r="G82" s="16"/>
      <c r="H82" s="18"/>
      <c r="I82" s="19"/>
      <c r="J82" s="20"/>
      <c r="K82" s="21"/>
    </row>
    <row r="83" spans="1:11" ht="16.5" customHeight="1">
      <c r="A83" s="22" t="s">
        <v>13</v>
      </c>
      <c r="B83" s="23"/>
      <c r="C83" s="23"/>
      <c r="D83" s="23"/>
      <c r="E83" s="23"/>
      <c r="F83" s="24"/>
      <c r="G83" s="23"/>
      <c r="H83" s="25"/>
      <c r="I83" s="26"/>
      <c r="J83" s="27"/>
      <c r="K83" s="28"/>
    </row>
    <row r="84" spans="1:11" ht="16.5" customHeight="1">
      <c r="A84" s="15"/>
      <c r="B84" s="16"/>
      <c r="C84" s="16"/>
      <c r="D84" s="16"/>
      <c r="E84" s="16"/>
      <c r="F84" s="17"/>
      <c r="G84" s="16"/>
      <c r="H84" s="18"/>
      <c r="I84" s="19"/>
      <c r="J84" s="20"/>
      <c r="K84" s="21"/>
    </row>
    <row r="85" spans="1:11" ht="16.5" customHeight="1">
      <c r="A85" s="22" t="s">
        <v>20</v>
      </c>
      <c r="B85" s="23"/>
      <c r="C85" s="23"/>
      <c r="D85" s="23"/>
      <c r="E85" s="29" t="s">
        <v>9</v>
      </c>
      <c r="F85" s="24">
        <v>1</v>
      </c>
      <c r="G85" s="23"/>
      <c r="H85" s="37"/>
      <c r="I85" s="26"/>
      <c r="J85" s="27"/>
      <c r="K85" s="28"/>
    </row>
    <row r="86" spans="1:11" ht="16.5" customHeight="1">
      <c r="A86" s="15"/>
      <c r="B86" s="16"/>
      <c r="C86" s="16"/>
      <c r="D86" s="16"/>
      <c r="E86" s="16"/>
      <c r="F86" s="17"/>
      <c r="G86" s="16"/>
      <c r="H86" s="18"/>
      <c r="I86" s="19"/>
      <c r="J86" s="20"/>
      <c r="K86" s="21"/>
    </row>
    <row r="87" spans="1:11" ht="16.5" customHeight="1">
      <c r="A87" s="22" t="s">
        <v>14</v>
      </c>
      <c r="B87" s="23"/>
      <c r="C87" s="23"/>
      <c r="D87" s="23"/>
      <c r="E87" s="23"/>
      <c r="F87" s="24"/>
      <c r="G87" s="23"/>
      <c r="H87" s="25"/>
      <c r="I87" s="26"/>
      <c r="J87" s="27"/>
      <c r="K87" s="176"/>
    </row>
    <row r="88" spans="1:11" ht="16.5" customHeight="1">
      <c r="A88" s="15"/>
      <c r="B88" s="16"/>
      <c r="C88" s="16"/>
      <c r="D88" s="16"/>
      <c r="E88" s="16"/>
      <c r="F88" s="17"/>
      <c r="G88" s="16"/>
      <c r="H88" s="18"/>
      <c r="I88" s="19"/>
      <c r="J88" s="20"/>
      <c r="K88" s="21"/>
    </row>
    <row r="89" spans="1:11" ht="16.5" customHeight="1">
      <c r="A89" s="22"/>
      <c r="B89" s="23"/>
      <c r="C89" s="23"/>
      <c r="D89" s="23"/>
      <c r="E89" s="23"/>
      <c r="F89" s="24"/>
      <c r="G89" s="23"/>
      <c r="H89" s="25"/>
      <c r="I89" s="175"/>
      <c r="J89" s="27"/>
      <c r="K89" s="28"/>
    </row>
    <row r="90" spans="1:11" ht="16.5" customHeight="1">
      <c r="A90" s="15"/>
      <c r="B90" s="16"/>
      <c r="C90" s="16"/>
      <c r="D90" s="16"/>
      <c r="E90" s="16"/>
      <c r="F90" s="17"/>
      <c r="G90" s="16"/>
      <c r="H90" s="18"/>
      <c r="I90" s="19"/>
      <c r="J90" s="20"/>
      <c r="K90" s="21"/>
    </row>
    <row r="91" spans="1:11" ht="16.5" customHeight="1">
      <c r="A91" s="22"/>
      <c r="B91" s="23"/>
      <c r="C91" s="23"/>
      <c r="D91" s="23"/>
      <c r="E91" s="29"/>
      <c r="F91" s="24"/>
      <c r="G91" s="23"/>
      <c r="H91" s="25"/>
      <c r="I91" s="26"/>
      <c r="J91" s="27"/>
      <c r="K91" s="176"/>
    </row>
    <row r="92" spans="1:11" ht="16.5" customHeight="1">
      <c r="A92" s="15"/>
      <c r="B92" s="16"/>
      <c r="C92" s="16"/>
      <c r="D92" s="16"/>
      <c r="E92" s="16"/>
      <c r="F92" s="17"/>
      <c r="G92" s="16"/>
      <c r="H92" s="18"/>
      <c r="I92" s="19"/>
      <c r="J92" s="20"/>
      <c r="K92" s="21"/>
    </row>
    <row r="93" spans="1:11" ht="16.5" customHeight="1">
      <c r="A93" s="30"/>
      <c r="B93" s="31"/>
      <c r="C93" s="31"/>
      <c r="D93" s="31"/>
      <c r="E93" s="31"/>
      <c r="F93" s="32"/>
      <c r="G93" s="31"/>
      <c r="H93" s="33"/>
      <c r="I93" s="34"/>
      <c r="J93" s="35"/>
      <c r="K93" s="36"/>
    </row>
    <row r="94" spans="1:11">
      <c r="A94" s="38"/>
      <c r="B94" s="38"/>
      <c r="C94" s="38"/>
      <c r="D94" s="38"/>
      <c r="E94" s="38"/>
      <c r="F94" s="38"/>
      <c r="G94" s="38"/>
      <c r="H94" s="39"/>
      <c r="I94" s="38"/>
    </row>
  </sheetData>
  <mergeCells count="1">
    <mergeCell ref="I3:K3"/>
  </mergeCells>
  <phoneticPr fontId="2"/>
  <printOptions horizontalCentered="1"/>
  <pageMargins left="0.39370078740157483" right="0.39370078740157483" top="0.59055118110236227" bottom="0.59055118110236227" header="0.51181102362204722" footer="0.31496062992125984"/>
  <pageSetup paperSize="9" orientation="landscape" useFirstPageNumber="1" horizontalDpi="4294967292" r:id="rId1"/>
  <headerFooter alignWithMargins="0">
    <oddFooter>&amp;R（内訳書 M － &amp;P&amp; 号）</oddFooter>
  </headerFooter>
  <rowBreaks count="3" manualBreakCount="3">
    <brk id="33" max="16383" man="1"/>
    <brk id="63" max="16383" man="1"/>
    <brk id="93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94"/>
  <sheetViews>
    <sheetView tabSelected="1" view="pageBreakPreview" zoomScale="85" zoomScaleNormal="85" zoomScaleSheetLayoutView="85" workbookViewId="0">
      <selection activeCell="E11" sqref="E11"/>
    </sheetView>
  </sheetViews>
  <sheetFormatPr defaultRowHeight="16.5"/>
  <cols>
    <col min="1" max="1" width="11.875" style="42" customWidth="1"/>
    <col min="2" max="3" width="15.625" style="42" customWidth="1"/>
    <col min="4" max="4" width="21.25" style="42" customWidth="1"/>
    <col min="5" max="5" width="8.625" style="42" customWidth="1"/>
    <col min="6" max="7" width="9.875" style="42" customWidth="1"/>
    <col min="8" max="8" width="18.25" style="42" customWidth="1"/>
    <col min="9" max="9" width="8.375" style="42" customWidth="1"/>
    <col min="10" max="10" width="4.375" style="42" customWidth="1"/>
    <col min="11" max="11" width="13.375" style="42" customWidth="1"/>
    <col min="12" max="16384" width="9" style="42"/>
  </cols>
  <sheetData>
    <row r="1" spans="1:11" ht="32.25" customHeight="1">
      <c r="A1" s="41" t="s">
        <v>56</v>
      </c>
      <c r="C1" s="42" t="s">
        <v>92</v>
      </c>
      <c r="F1" s="42" t="s">
        <v>93</v>
      </c>
    </row>
    <row r="2" spans="1:11" ht="16.5" customHeight="1">
      <c r="A2" s="43"/>
      <c r="B2" s="44"/>
      <c r="C2" s="44"/>
      <c r="D2" s="45"/>
      <c r="E2" s="44"/>
      <c r="F2" s="44"/>
      <c r="G2" s="44"/>
      <c r="H2" s="44"/>
      <c r="I2" s="46"/>
      <c r="J2" s="47"/>
      <c r="K2" s="48"/>
    </row>
    <row r="3" spans="1:11" ht="16.5" customHeight="1">
      <c r="A3" s="49" t="s">
        <v>22</v>
      </c>
      <c r="B3" s="50" t="s">
        <v>23</v>
      </c>
      <c r="C3" s="50" t="s">
        <v>24</v>
      </c>
      <c r="D3" s="50" t="s">
        <v>25</v>
      </c>
      <c r="E3" s="50" t="s">
        <v>26</v>
      </c>
      <c r="F3" s="50" t="s">
        <v>8</v>
      </c>
      <c r="G3" s="50" t="s">
        <v>76</v>
      </c>
      <c r="H3" s="50" t="s">
        <v>77</v>
      </c>
      <c r="I3" s="183" t="s">
        <v>78</v>
      </c>
      <c r="J3" s="184"/>
      <c r="K3" s="185"/>
    </row>
    <row r="4" spans="1:11" ht="16.5" customHeight="1">
      <c r="A4" s="51"/>
      <c r="B4" s="52"/>
      <c r="C4" s="52"/>
      <c r="D4" s="52"/>
      <c r="E4" s="52"/>
      <c r="F4" s="53"/>
      <c r="G4" s="52"/>
      <c r="H4" s="54"/>
      <c r="I4" s="55"/>
      <c r="J4" s="56"/>
      <c r="K4" s="57"/>
    </row>
    <row r="5" spans="1:11" ht="16.5" customHeight="1">
      <c r="A5" s="58" t="s">
        <v>91</v>
      </c>
      <c r="B5" s="59"/>
      <c r="C5" s="59"/>
      <c r="D5" s="59"/>
      <c r="E5" s="59"/>
      <c r="F5" s="60"/>
      <c r="G5" s="59"/>
      <c r="H5" s="61"/>
      <c r="I5" s="62"/>
      <c r="J5" s="63"/>
      <c r="K5" s="173"/>
    </row>
    <row r="6" spans="1:11" ht="16.5" customHeight="1">
      <c r="A6" s="51"/>
      <c r="B6" s="52"/>
      <c r="C6" s="52"/>
      <c r="D6" s="52"/>
      <c r="E6" s="52"/>
      <c r="F6" s="53"/>
      <c r="G6" s="52"/>
      <c r="H6" s="54"/>
      <c r="I6" s="55"/>
      <c r="J6" s="56"/>
      <c r="K6" s="57"/>
    </row>
    <row r="7" spans="1:11" ht="16.5" customHeight="1">
      <c r="A7" s="58" t="s">
        <v>79</v>
      </c>
      <c r="B7" s="59"/>
      <c r="C7" s="59"/>
      <c r="D7" s="59"/>
      <c r="E7" s="59"/>
      <c r="F7" s="60"/>
      <c r="G7" s="59"/>
      <c r="H7" s="61"/>
      <c r="I7" s="62"/>
      <c r="J7" s="63"/>
      <c r="K7" s="173"/>
    </row>
    <row r="8" spans="1:11" ht="16.5" customHeight="1">
      <c r="A8" s="51"/>
      <c r="B8" s="52"/>
      <c r="C8" s="52"/>
      <c r="D8" s="52"/>
      <c r="E8" s="52"/>
      <c r="F8" s="53"/>
      <c r="G8" s="52"/>
      <c r="H8" s="54"/>
      <c r="I8" s="55"/>
      <c r="J8" s="56"/>
      <c r="K8" s="57"/>
    </row>
    <row r="9" spans="1:11" ht="16.5" customHeight="1">
      <c r="A9" s="58"/>
      <c r="B9" s="59" t="s">
        <v>0</v>
      </c>
      <c r="C9" s="59"/>
      <c r="D9" s="59"/>
      <c r="E9" s="65" t="s">
        <v>9</v>
      </c>
      <c r="F9" s="60">
        <v>1</v>
      </c>
      <c r="G9" s="59"/>
      <c r="H9" s="61"/>
      <c r="I9" s="62"/>
      <c r="J9" s="63"/>
      <c r="K9" s="173"/>
    </row>
    <row r="10" spans="1:11" ht="16.5" customHeight="1">
      <c r="A10" s="51"/>
      <c r="B10" s="52"/>
      <c r="C10" s="52"/>
      <c r="D10" s="52"/>
      <c r="E10" s="52"/>
      <c r="F10" s="53"/>
      <c r="G10" s="52"/>
      <c r="H10" s="54"/>
      <c r="I10" s="55"/>
      <c r="J10" s="56"/>
      <c r="K10" s="57"/>
    </row>
    <row r="11" spans="1:11" ht="16.5" customHeight="1">
      <c r="A11" s="58"/>
      <c r="B11" s="59" t="s">
        <v>31</v>
      </c>
      <c r="C11" s="59"/>
      <c r="D11" s="59"/>
      <c r="E11" s="59"/>
      <c r="F11" s="60"/>
      <c r="G11" s="59"/>
      <c r="H11" s="61"/>
      <c r="I11" s="62"/>
      <c r="J11" s="63"/>
      <c r="K11" s="173"/>
    </row>
    <row r="12" spans="1:11" ht="16.5" customHeight="1">
      <c r="A12" s="51"/>
      <c r="B12" s="52"/>
      <c r="C12" s="52"/>
      <c r="D12" s="52"/>
      <c r="E12" s="52"/>
      <c r="F12" s="53"/>
      <c r="G12" s="52"/>
      <c r="H12" s="54"/>
      <c r="I12" s="55"/>
      <c r="J12" s="56"/>
      <c r="K12" s="57"/>
    </row>
    <row r="13" spans="1:11" ht="16.5" customHeight="1">
      <c r="A13" s="58"/>
      <c r="B13" s="59" t="s">
        <v>32</v>
      </c>
      <c r="C13" s="59"/>
      <c r="D13" s="59"/>
      <c r="E13" s="59"/>
      <c r="F13" s="60"/>
      <c r="G13" s="59"/>
      <c r="H13" s="61"/>
      <c r="I13" s="62"/>
      <c r="J13" s="63"/>
      <c r="K13" s="173"/>
    </row>
    <row r="14" spans="1:11" ht="16.5" customHeight="1">
      <c r="A14" s="51"/>
      <c r="B14" s="52"/>
      <c r="C14" s="52"/>
      <c r="D14" s="52"/>
      <c r="E14" s="52"/>
      <c r="F14" s="53"/>
      <c r="G14" s="52"/>
      <c r="H14" s="54"/>
      <c r="I14" s="55"/>
      <c r="J14" s="56"/>
      <c r="K14" s="57"/>
    </row>
    <row r="15" spans="1:11" ht="16.5" customHeight="1">
      <c r="A15" s="58"/>
      <c r="B15" s="59"/>
      <c r="C15" s="59" t="s">
        <v>1</v>
      </c>
      <c r="D15" s="59"/>
      <c r="E15" s="65" t="s">
        <v>9</v>
      </c>
      <c r="F15" s="60">
        <v>1</v>
      </c>
      <c r="G15" s="59"/>
      <c r="H15" s="61"/>
      <c r="I15" s="62"/>
      <c r="J15" s="63"/>
      <c r="K15" s="173"/>
    </row>
    <row r="16" spans="1:11" ht="16.5" customHeight="1">
      <c r="A16" s="51"/>
      <c r="B16" s="52"/>
      <c r="C16" s="52"/>
      <c r="D16" s="52"/>
      <c r="E16" s="52"/>
      <c r="F16" s="53"/>
      <c r="G16" s="52"/>
      <c r="H16" s="54"/>
      <c r="I16" s="55"/>
      <c r="J16" s="56"/>
      <c r="K16" s="57"/>
    </row>
    <row r="17" spans="1:11" ht="16.5" customHeight="1">
      <c r="A17" s="58"/>
      <c r="B17" s="59"/>
      <c r="C17" s="59"/>
      <c r="D17" s="59" t="s">
        <v>33</v>
      </c>
      <c r="E17" s="59"/>
      <c r="F17" s="60"/>
      <c r="G17" s="59"/>
      <c r="H17" s="61"/>
      <c r="I17" s="62"/>
      <c r="J17" s="63"/>
      <c r="K17" s="173"/>
    </row>
    <row r="18" spans="1:11" ht="16.5" customHeight="1">
      <c r="A18" s="51"/>
      <c r="B18" s="52"/>
      <c r="C18" s="52"/>
      <c r="D18" s="52"/>
      <c r="E18" s="52"/>
      <c r="F18" s="53"/>
      <c r="G18" s="52"/>
      <c r="H18" s="54"/>
      <c r="I18" s="55"/>
      <c r="J18" s="56"/>
      <c r="K18" s="57"/>
    </row>
    <row r="19" spans="1:11" ht="16.5" customHeight="1">
      <c r="A19" s="58"/>
      <c r="B19" s="59"/>
      <c r="C19" s="59" t="s">
        <v>10</v>
      </c>
      <c r="D19" s="59" t="s">
        <v>16</v>
      </c>
      <c r="E19" s="65" t="s">
        <v>9</v>
      </c>
      <c r="F19" s="60">
        <v>1</v>
      </c>
      <c r="G19" s="59"/>
      <c r="H19" s="61"/>
      <c r="I19" s="62"/>
      <c r="J19" s="63"/>
      <c r="K19" s="173"/>
    </row>
    <row r="20" spans="1:11" ht="16.5" customHeight="1">
      <c r="A20" s="51"/>
      <c r="B20" s="52"/>
      <c r="C20" s="52"/>
      <c r="D20" s="52"/>
      <c r="E20" s="52"/>
      <c r="F20" s="53"/>
      <c r="G20" s="52"/>
      <c r="H20" s="54"/>
      <c r="I20" s="55"/>
      <c r="J20" s="56"/>
      <c r="K20" s="57"/>
    </row>
    <row r="21" spans="1:11" ht="16.5" customHeight="1">
      <c r="A21" s="58"/>
      <c r="B21" s="59"/>
      <c r="C21" s="59"/>
      <c r="D21" s="59" t="s">
        <v>34</v>
      </c>
      <c r="E21" s="65" t="s">
        <v>9</v>
      </c>
      <c r="F21" s="60">
        <v>1</v>
      </c>
      <c r="G21" s="59"/>
      <c r="H21" s="61"/>
      <c r="I21" s="67"/>
      <c r="J21" s="63"/>
      <c r="K21" s="173"/>
    </row>
    <row r="22" spans="1:11" ht="16.5" customHeight="1">
      <c r="A22" s="51"/>
      <c r="B22" s="52"/>
      <c r="C22" s="52"/>
      <c r="D22" s="52"/>
      <c r="E22" s="52"/>
      <c r="F22" s="53"/>
      <c r="G22" s="52"/>
      <c r="H22" s="54"/>
      <c r="I22" s="55"/>
      <c r="J22" s="56"/>
      <c r="K22" s="57"/>
    </row>
    <row r="23" spans="1:11" ht="16.5" customHeight="1">
      <c r="A23" s="58"/>
      <c r="B23" s="59"/>
      <c r="C23" s="59"/>
      <c r="D23" s="59" t="s">
        <v>35</v>
      </c>
      <c r="E23" s="59"/>
      <c r="F23" s="60"/>
      <c r="G23" s="59"/>
      <c r="H23" s="61"/>
      <c r="I23" s="62"/>
      <c r="J23" s="63"/>
      <c r="K23" s="173"/>
    </row>
    <row r="24" spans="1:11" ht="16.5" customHeight="1">
      <c r="A24" s="51"/>
      <c r="B24" s="52"/>
      <c r="C24" s="52"/>
      <c r="D24" s="52"/>
      <c r="E24" s="52"/>
      <c r="F24" s="53"/>
      <c r="G24" s="52"/>
      <c r="H24" s="54"/>
      <c r="I24" s="55"/>
      <c r="J24" s="56"/>
      <c r="K24" s="57"/>
    </row>
    <row r="25" spans="1:11" ht="16.5" customHeight="1">
      <c r="A25" s="58"/>
      <c r="B25" s="59"/>
      <c r="C25" s="59" t="s">
        <v>11</v>
      </c>
      <c r="D25" s="59" t="s">
        <v>2</v>
      </c>
      <c r="E25" s="65" t="s">
        <v>9</v>
      </c>
      <c r="F25" s="60">
        <v>1</v>
      </c>
      <c r="G25" s="59"/>
      <c r="H25" s="61"/>
      <c r="I25" s="62"/>
      <c r="J25" s="63"/>
      <c r="K25" s="173"/>
    </row>
    <row r="26" spans="1:11" ht="16.5" customHeight="1">
      <c r="A26" s="51"/>
      <c r="B26" s="52"/>
      <c r="C26" s="52"/>
      <c r="D26" s="52"/>
      <c r="E26" s="52"/>
      <c r="F26" s="53"/>
      <c r="G26" s="52"/>
      <c r="H26" s="54"/>
      <c r="I26" s="55"/>
      <c r="J26" s="56"/>
      <c r="K26" s="57"/>
    </row>
    <row r="27" spans="1:11" ht="16.5" customHeight="1">
      <c r="A27" s="58"/>
      <c r="B27" s="59"/>
      <c r="C27" s="59"/>
      <c r="D27" s="59" t="s">
        <v>73</v>
      </c>
      <c r="E27" s="65" t="s">
        <v>9</v>
      </c>
      <c r="F27" s="60">
        <v>1</v>
      </c>
      <c r="G27" s="59"/>
      <c r="H27" s="61"/>
      <c r="I27" s="62"/>
      <c r="J27" s="63"/>
      <c r="K27" s="173"/>
    </row>
    <row r="28" spans="1:11" ht="16.5" customHeight="1">
      <c r="A28" s="51"/>
      <c r="B28" s="52"/>
      <c r="C28" s="52"/>
      <c r="D28" s="52"/>
      <c r="E28" s="52"/>
      <c r="F28" s="53"/>
      <c r="G28" s="52"/>
      <c r="H28" s="54"/>
      <c r="I28" s="55"/>
      <c r="J28" s="56"/>
      <c r="K28" s="57"/>
    </row>
    <row r="29" spans="1:11" ht="16.5" customHeight="1">
      <c r="A29" s="58"/>
      <c r="B29" s="59"/>
      <c r="C29" s="59"/>
      <c r="D29" s="59" t="s">
        <v>36</v>
      </c>
      <c r="E29" s="59"/>
      <c r="F29" s="60"/>
      <c r="G29" s="59"/>
      <c r="H29" s="61"/>
      <c r="I29" s="62"/>
      <c r="J29" s="63"/>
      <c r="K29" s="173"/>
    </row>
    <row r="30" spans="1:11" ht="16.5" customHeight="1">
      <c r="A30" s="51"/>
      <c r="B30" s="52"/>
      <c r="C30" s="52"/>
      <c r="D30" s="52"/>
      <c r="E30" s="52"/>
      <c r="F30" s="53"/>
      <c r="G30" s="52"/>
      <c r="H30" s="54"/>
      <c r="I30" s="55"/>
      <c r="J30" s="56"/>
      <c r="K30" s="57"/>
    </row>
    <row r="31" spans="1:11" ht="16.5" customHeight="1">
      <c r="A31" s="58"/>
      <c r="B31" s="59"/>
      <c r="C31" s="59" t="s">
        <v>4</v>
      </c>
      <c r="D31" s="59"/>
      <c r="E31" s="65" t="s">
        <v>9</v>
      </c>
      <c r="F31" s="60">
        <v>1</v>
      </c>
      <c r="G31" s="59"/>
      <c r="H31" s="61"/>
      <c r="I31" s="62"/>
      <c r="J31" s="63"/>
      <c r="K31" s="173"/>
    </row>
    <row r="32" spans="1:11" ht="16.5" customHeight="1">
      <c r="A32" s="51"/>
      <c r="B32" s="52"/>
      <c r="C32" s="52"/>
      <c r="D32" s="52"/>
      <c r="E32" s="52"/>
      <c r="F32" s="53"/>
      <c r="G32" s="52"/>
      <c r="H32" s="54"/>
      <c r="I32" s="55"/>
      <c r="J32" s="56"/>
      <c r="K32" s="57"/>
    </row>
    <row r="33" spans="1:11" ht="16.5" customHeight="1">
      <c r="A33" s="68"/>
      <c r="B33" s="69"/>
      <c r="C33" s="69"/>
      <c r="D33" s="69" t="s">
        <v>37</v>
      </c>
      <c r="E33" s="69"/>
      <c r="F33" s="70"/>
      <c r="G33" s="69"/>
      <c r="H33" s="71"/>
      <c r="I33" s="72"/>
      <c r="J33" s="73"/>
      <c r="K33" s="74"/>
    </row>
    <row r="34" spans="1:11" ht="16.5" customHeight="1">
      <c r="A34" s="51"/>
      <c r="B34" s="52"/>
      <c r="C34" s="52"/>
      <c r="D34" s="52"/>
      <c r="E34" s="52"/>
      <c r="F34" s="53"/>
      <c r="G34" s="52"/>
      <c r="H34" s="54"/>
      <c r="I34" s="55"/>
      <c r="J34" s="56"/>
      <c r="K34" s="57"/>
    </row>
    <row r="35" spans="1:11" ht="16.5" customHeight="1">
      <c r="A35" s="58"/>
      <c r="B35" s="59"/>
      <c r="C35" s="59" t="s">
        <v>38</v>
      </c>
      <c r="D35" s="59" t="s">
        <v>18</v>
      </c>
      <c r="E35" s="65" t="s">
        <v>9</v>
      </c>
      <c r="F35" s="60">
        <v>1</v>
      </c>
      <c r="G35" s="59"/>
      <c r="H35" s="61"/>
      <c r="I35" s="66"/>
      <c r="J35" s="63"/>
      <c r="K35" s="179"/>
    </row>
    <row r="36" spans="1:11" ht="16.5" customHeight="1">
      <c r="A36" s="51"/>
      <c r="B36" s="52"/>
      <c r="C36" s="52"/>
      <c r="D36" s="52"/>
      <c r="E36" s="52"/>
      <c r="F36" s="53"/>
      <c r="G36" s="52"/>
      <c r="H36" s="54"/>
      <c r="I36" s="55"/>
      <c r="J36" s="56"/>
      <c r="K36" s="57"/>
    </row>
    <row r="37" spans="1:11" ht="16.5" customHeight="1">
      <c r="A37" s="58"/>
      <c r="B37" s="59"/>
      <c r="C37" s="59"/>
      <c r="D37" s="59" t="s">
        <v>5</v>
      </c>
      <c r="E37" s="65" t="s">
        <v>9</v>
      </c>
      <c r="F37" s="60">
        <v>1</v>
      </c>
      <c r="G37" s="59"/>
      <c r="H37" s="61"/>
      <c r="I37" s="62"/>
      <c r="J37" s="63"/>
      <c r="K37" s="173"/>
    </row>
    <row r="38" spans="1:11" ht="16.5" customHeight="1">
      <c r="A38" s="51"/>
      <c r="B38" s="52"/>
      <c r="C38" s="52"/>
      <c r="D38" s="52"/>
      <c r="E38" s="52"/>
      <c r="F38" s="53"/>
      <c r="G38" s="52"/>
      <c r="H38" s="54"/>
      <c r="I38" s="55"/>
      <c r="J38" s="56"/>
      <c r="K38" s="57"/>
    </row>
    <row r="39" spans="1:11" ht="16.5" customHeight="1">
      <c r="A39" s="58"/>
      <c r="B39" s="59"/>
      <c r="C39" s="59"/>
      <c r="D39" s="59" t="s">
        <v>39</v>
      </c>
      <c r="E39" s="59"/>
      <c r="F39" s="60"/>
      <c r="G39" s="59"/>
      <c r="H39" s="61"/>
      <c r="I39" s="62"/>
      <c r="J39" s="63"/>
      <c r="K39" s="173"/>
    </row>
    <row r="40" spans="1:11" ht="16.5" customHeight="1">
      <c r="A40" s="51"/>
      <c r="B40" s="52"/>
      <c r="C40" s="52"/>
      <c r="D40" s="52"/>
      <c r="E40" s="52"/>
      <c r="F40" s="53"/>
      <c r="G40" s="52"/>
      <c r="H40" s="54"/>
      <c r="I40" s="55"/>
      <c r="J40" s="56"/>
      <c r="K40" s="57"/>
    </row>
    <row r="41" spans="1:11" ht="16.5" customHeight="1">
      <c r="A41" s="58"/>
      <c r="B41" s="59"/>
      <c r="C41" s="59" t="s">
        <v>40</v>
      </c>
      <c r="D41" s="59"/>
      <c r="E41" s="65" t="s">
        <v>9</v>
      </c>
      <c r="F41" s="60">
        <v>1</v>
      </c>
      <c r="G41" s="59"/>
      <c r="H41" s="61"/>
      <c r="I41" s="180"/>
      <c r="J41" s="63"/>
      <c r="K41" s="173"/>
    </row>
    <row r="42" spans="1:11" ht="16.5" customHeight="1">
      <c r="A42" s="51"/>
      <c r="B42" s="52"/>
      <c r="C42" s="52"/>
      <c r="D42" s="52"/>
      <c r="E42" s="52"/>
      <c r="F42" s="53"/>
      <c r="G42" s="52"/>
      <c r="H42" s="54"/>
      <c r="I42" s="55"/>
      <c r="J42" s="56"/>
      <c r="K42" s="57"/>
    </row>
    <row r="43" spans="1:11" ht="16.5" customHeight="1">
      <c r="A43" s="58"/>
      <c r="B43" s="59"/>
      <c r="C43" s="59"/>
      <c r="D43" s="59" t="s">
        <v>41</v>
      </c>
      <c r="E43" s="59"/>
      <c r="F43" s="60"/>
      <c r="G43" s="59"/>
      <c r="H43" s="61"/>
      <c r="I43" s="62"/>
      <c r="J43" s="63"/>
      <c r="K43" s="173"/>
    </row>
    <row r="44" spans="1:11" ht="16.5" customHeight="1">
      <c r="A44" s="51"/>
      <c r="B44" s="52"/>
      <c r="C44" s="52"/>
      <c r="D44" s="52"/>
      <c r="E44" s="52"/>
      <c r="F44" s="53"/>
      <c r="G44" s="52"/>
      <c r="H44" s="54"/>
      <c r="I44" s="55"/>
      <c r="J44" s="56"/>
      <c r="K44" s="57"/>
    </row>
    <row r="45" spans="1:11" ht="16.5" customHeight="1">
      <c r="A45" s="58"/>
      <c r="B45" s="59" t="s">
        <v>42</v>
      </c>
      <c r="C45" s="59"/>
      <c r="D45" s="59"/>
      <c r="E45" s="59"/>
      <c r="F45" s="60"/>
      <c r="G45" s="59"/>
      <c r="H45" s="61"/>
      <c r="I45" s="62"/>
      <c r="J45" s="63"/>
      <c r="K45" s="173"/>
    </row>
    <row r="46" spans="1:11" ht="16.5" customHeight="1">
      <c r="A46" s="51"/>
      <c r="B46" s="52"/>
      <c r="C46" s="52"/>
      <c r="D46" s="52"/>
      <c r="E46" s="52"/>
      <c r="F46" s="53"/>
      <c r="G46" s="52"/>
      <c r="H46" s="54"/>
      <c r="I46" s="55"/>
      <c r="J46" s="56"/>
      <c r="K46" s="57"/>
    </row>
    <row r="47" spans="1:11" ht="16.5" customHeight="1">
      <c r="A47" s="58"/>
      <c r="B47" s="59"/>
      <c r="C47" s="59"/>
      <c r="D47" s="59"/>
      <c r="E47" s="59"/>
      <c r="F47" s="60"/>
      <c r="G47" s="59"/>
      <c r="H47" s="61"/>
      <c r="I47" s="62"/>
      <c r="J47" s="63"/>
      <c r="K47" s="173"/>
    </row>
    <row r="48" spans="1:11" ht="16.5" customHeight="1">
      <c r="A48" s="51"/>
      <c r="B48" s="52"/>
      <c r="C48" s="52"/>
      <c r="D48" s="52"/>
      <c r="E48" s="52"/>
      <c r="F48" s="53"/>
      <c r="G48" s="52"/>
      <c r="H48" s="54"/>
      <c r="I48" s="55"/>
      <c r="J48" s="56"/>
      <c r="K48" s="57"/>
    </row>
    <row r="49" spans="1:11" ht="16.5" customHeight="1">
      <c r="A49" s="58"/>
      <c r="B49" s="59" t="s">
        <v>43</v>
      </c>
      <c r="C49" s="59" t="s">
        <v>44</v>
      </c>
      <c r="D49" s="59"/>
      <c r="E49" s="65" t="s">
        <v>9</v>
      </c>
      <c r="F49" s="60">
        <v>1</v>
      </c>
      <c r="G49" s="59"/>
      <c r="H49" s="61"/>
      <c r="I49" s="180"/>
      <c r="J49" s="63"/>
      <c r="K49" s="173"/>
    </row>
    <row r="50" spans="1:11" ht="16.5" customHeight="1">
      <c r="A50" s="51"/>
      <c r="B50" s="52"/>
      <c r="C50" s="52"/>
      <c r="D50" s="52"/>
      <c r="E50" s="52"/>
      <c r="F50" s="53"/>
      <c r="G50" s="52"/>
      <c r="H50" s="54"/>
      <c r="I50" s="55"/>
      <c r="J50" s="56"/>
      <c r="K50" s="57"/>
    </row>
    <row r="51" spans="1:11" ht="16.5" customHeight="1">
      <c r="A51" s="58"/>
      <c r="B51" s="59"/>
      <c r="C51" s="59"/>
      <c r="D51" s="59" t="s">
        <v>45</v>
      </c>
      <c r="E51" s="65" t="s">
        <v>9</v>
      </c>
      <c r="F51" s="60">
        <v>1</v>
      </c>
      <c r="G51" s="59"/>
      <c r="H51" s="61"/>
      <c r="I51" s="62"/>
      <c r="J51" s="63"/>
      <c r="K51" s="173"/>
    </row>
    <row r="52" spans="1:11" ht="16.5" customHeight="1">
      <c r="A52" s="51"/>
      <c r="B52" s="52"/>
      <c r="C52" s="52"/>
      <c r="D52" s="52"/>
      <c r="E52" s="52"/>
      <c r="F52" s="53"/>
      <c r="G52" s="52"/>
      <c r="H52" s="54"/>
      <c r="I52" s="55"/>
      <c r="J52" s="56"/>
      <c r="K52" s="57"/>
    </row>
    <row r="53" spans="1:11" ht="16.5" customHeight="1">
      <c r="A53" s="58"/>
      <c r="B53" s="59"/>
      <c r="C53" s="59"/>
      <c r="D53" s="59" t="s">
        <v>46</v>
      </c>
      <c r="E53" s="65" t="s">
        <v>9</v>
      </c>
      <c r="F53" s="60">
        <v>1</v>
      </c>
      <c r="G53" s="59"/>
      <c r="H53" s="61"/>
      <c r="I53" s="62"/>
      <c r="J53" s="63"/>
      <c r="K53" s="173"/>
    </row>
    <row r="54" spans="1:11" ht="16.5" customHeight="1">
      <c r="A54" s="51"/>
      <c r="B54" s="52"/>
      <c r="C54" s="52"/>
      <c r="D54" s="52"/>
      <c r="E54" s="52"/>
      <c r="F54" s="53"/>
      <c r="G54" s="52"/>
      <c r="H54" s="54"/>
      <c r="I54" s="55"/>
      <c r="J54" s="56"/>
      <c r="K54" s="57"/>
    </row>
    <row r="55" spans="1:11" ht="16.5" customHeight="1">
      <c r="A55" s="58"/>
      <c r="B55" s="59"/>
      <c r="C55" s="59"/>
      <c r="D55" s="59" t="s">
        <v>19</v>
      </c>
      <c r="E55" s="65" t="s">
        <v>9</v>
      </c>
      <c r="F55" s="60">
        <v>1</v>
      </c>
      <c r="G55" s="59"/>
      <c r="H55" s="61"/>
      <c r="I55" s="62"/>
      <c r="J55" s="63"/>
      <c r="K55" s="173"/>
    </row>
    <row r="56" spans="1:11" ht="16.5" customHeight="1">
      <c r="A56" s="51"/>
      <c r="B56" s="52"/>
      <c r="C56" s="52"/>
      <c r="D56" s="52"/>
      <c r="E56" s="52"/>
      <c r="F56" s="53"/>
      <c r="G56" s="52"/>
      <c r="H56" s="54"/>
      <c r="I56" s="55"/>
      <c r="J56" s="56"/>
      <c r="K56" s="57"/>
    </row>
    <row r="57" spans="1:11" ht="16.5" customHeight="1">
      <c r="A57" s="58"/>
      <c r="B57" s="59"/>
      <c r="C57" s="59"/>
      <c r="D57" s="59" t="s">
        <v>47</v>
      </c>
      <c r="E57" s="65" t="s">
        <v>9</v>
      </c>
      <c r="F57" s="60">
        <v>1</v>
      </c>
      <c r="G57" s="59"/>
      <c r="H57" s="61"/>
      <c r="I57" s="62"/>
      <c r="J57" s="63"/>
      <c r="K57" s="173"/>
    </row>
    <row r="58" spans="1:11" ht="16.5" customHeight="1">
      <c r="A58" s="51"/>
      <c r="B58" s="52"/>
      <c r="C58" s="52"/>
      <c r="D58" s="52"/>
      <c r="E58" s="52"/>
      <c r="F58" s="53"/>
      <c r="G58" s="52"/>
      <c r="H58" s="54"/>
      <c r="I58" s="55"/>
      <c r="J58" s="56"/>
      <c r="K58" s="57"/>
    </row>
    <row r="59" spans="1:11" ht="16.5" customHeight="1">
      <c r="A59" s="58"/>
      <c r="B59" s="59"/>
      <c r="C59" s="59"/>
      <c r="D59" s="59" t="s">
        <v>48</v>
      </c>
      <c r="E59" s="65" t="s">
        <v>9</v>
      </c>
      <c r="F59" s="60">
        <v>1</v>
      </c>
      <c r="G59" s="59"/>
      <c r="H59" s="61"/>
      <c r="I59" s="62"/>
      <c r="J59" s="63"/>
      <c r="K59" s="173"/>
    </row>
    <row r="60" spans="1:11" ht="16.5" customHeight="1">
      <c r="A60" s="51"/>
      <c r="B60" s="52"/>
      <c r="C60" s="52"/>
      <c r="D60" s="52"/>
      <c r="E60" s="52"/>
      <c r="F60" s="53"/>
      <c r="G60" s="52"/>
      <c r="H60" s="54"/>
      <c r="I60" s="55"/>
      <c r="J60" s="56"/>
      <c r="K60" s="57"/>
    </row>
    <row r="61" spans="1:11" ht="16.5" customHeight="1">
      <c r="A61" s="58"/>
      <c r="B61" s="59"/>
      <c r="C61" s="59" t="s">
        <v>49</v>
      </c>
      <c r="D61" s="59"/>
      <c r="E61" s="59"/>
      <c r="F61" s="60"/>
      <c r="G61" s="59"/>
      <c r="H61" s="61"/>
      <c r="I61" s="62"/>
      <c r="J61" s="63"/>
      <c r="K61" s="179"/>
    </row>
    <row r="62" spans="1:11" ht="16.5" customHeight="1">
      <c r="A62" s="51"/>
      <c r="B62" s="52"/>
      <c r="C62" s="52"/>
      <c r="D62" s="52"/>
      <c r="E62" s="52"/>
      <c r="F62" s="53"/>
      <c r="G62" s="52"/>
      <c r="H62" s="54"/>
      <c r="I62" s="55"/>
      <c r="J62" s="56"/>
      <c r="K62" s="57"/>
    </row>
    <row r="63" spans="1:11" ht="16.5" customHeight="1">
      <c r="A63" s="68"/>
      <c r="B63" s="69"/>
      <c r="C63" s="69"/>
      <c r="D63" s="69"/>
      <c r="E63" s="69"/>
      <c r="F63" s="70"/>
      <c r="G63" s="69"/>
      <c r="H63" s="71"/>
      <c r="I63" s="72"/>
      <c r="J63" s="73"/>
      <c r="K63" s="74"/>
    </row>
    <row r="64" spans="1:11" ht="16.5" customHeight="1">
      <c r="A64" s="51"/>
      <c r="B64" s="52"/>
      <c r="C64" s="52"/>
      <c r="D64" s="52"/>
      <c r="E64" s="52"/>
      <c r="F64" s="53"/>
      <c r="G64" s="52"/>
      <c r="H64" s="54"/>
      <c r="I64" s="55"/>
      <c r="J64" s="56"/>
      <c r="K64" s="57"/>
    </row>
    <row r="65" spans="1:11" ht="16.5" customHeight="1">
      <c r="A65" s="58"/>
      <c r="B65" s="59" t="s">
        <v>50</v>
      </c>
      <c r="C65" s="59"/>
      <c r="D65" s="59"/>
      <c r="E65" s="59"/>
      <c r="F65" s="60"/>
      <c r="G65" s="59"/>
      <c r="H65" s="61"/>
      <c r="I65" s="62" t="s">
        <v>80</v>
      </c>
      <c r="J65" s="63"/>
      <c r="K65" s="173"/>
    </row>
    <row r="66" spans="1:11" ht="16.5" customHeight="1">
      <c r="A66" s="51"/>
      <c r="B66" s="52"/>
      <c r="C66" s="52"/>
      <c r="D66" s="52"/>
      <c r="E66" s="52"/>
      <c r="F66" s="53"/>
      <c r="G66" s="52"/>
      <c r="H66" s="54"/>
      <c r="I66" s="55"/>
      <c r="J66" s="56"/>
      <c r="K66" s="57"/>
    </row>
    <row r="67" spans="1:11" ht="16.5" customHeight="1">
      <c r="A67" s="58"/>
      <c r="B67" s="59"/>
      <c r="C67" s="59" t="s">
        <v>52</v>
      </c>
      <c r="D67" s="59"/>
      <c r="E67" s="65" t="s">
        <v>9</v>
      </c>
      <c r="F67" s="60">
        <v>1</v>
      </c>
      <c r="G67" s="59"/>
      <c r="H67" s="61"/>
      <c r="I67" s="180"/>
      <c r="J67" s="63"/>
      <c r="K67" s="173"/>
    </row>
    <row r="68" spans="1:11" ht="16.5" customHeight="1">
      <c r="A68" s="51"/>
      <c r="B68" s="52"/>
      <c r="C68" s="52"/>
      <c r="D68" s="52"/>
      <c r="E68" s="52"/>
      <c r="F68" s="53"/>
      <c r="G68" s="52"/>
      <c r="H68" s="54"/>
      <c r="I68" s="55"/>
      <c r="J68" s="56"/>
      <c r="K68" s="57"/>
    </row>
    <row r="69" spans="1:11" ht="16.5" customHeight="1">
      <c r="A69" s="58"/>
      <c r="B69" s="59"/>
      <c r="C69" s="59" t="s">
        <v>81</v>
      </c>
      <c r="D69" s="59"/>
      <c r="E69" s="65" t="s">
        <v>9</v>
      </c>
      <c r="F69" s="60">
        <v>1</v>
      </c>
      <c r="G69" s="59"/>
      <c r="H69" s="61"/>
      <c r="I69" s="181"/>
      <c r="J69" s="63"/>
      <c r="K69" s="173"/>
    </row>
    <row r="70" spans="1:11" ht="16.5" customHeight="1">
      <c r="A70" s="51"/>
      <c r="B70" s="52"/>
      <c r="C70" s="52"/>
      <c r="D70" s="52"/>
      <c r="E70" s="52"/>
      <c r="F70" s="53"/>
      <c r="G70" s="52"/>
      <c r="H70" s="54"/>
      <c r="I70" s="55"/>
      <c r="J70" s="56"/>
      <c r="K70" s="57"/>
    </row>
    <row r="71" spans="1:11" ht="16.5" customHeight="1">
      <c r="A71" s="58"/>
      <c r="B71" s="59"/>
      <c r="C71" s="59" t="s">
        <v>82</v>
      </c>
      <c r="D71" s="59"/>
      <c r="E71" s="65" t="s">
        <v>9</v>
      </c>
      <c r="F71" s="60">
        <v>1</v>
      </c>
      <c r="G71" s="59"/>
      <c r="H71" s="61"/>
      <c r="I71" s="180"/>
      <c r="J71" s="63"/>
      <c r="K71" s="173"/>
    </row>
    <row r="72" spans="1:11" ht="16.5" customHeight="1">
      <c r="A72" s="51"/>
      <c r="B72" s="52"/>
      <c r="C72" s="52"/>
      <c r="D72" s="52"/>
      <c r="E72" s="52"/>
      <c r="F72" s="53"/>
      <c r="G72" s="52"/>
      <c r="H72" s="54"/>
      <c r="I72" s="55"/>
      <c r="J72" s="56"/>
      <c r="K72" s="57"/>
    </row>
    <row r="73" spans="1:11" ht="16.5" customHeight="1">
      <c r="A73" s="58"/>
      <c r="B73" s="59" t="s">
        <v>54</v>
      </c>
      <c r="C73" s="59"/>
      <c r="D73" s="59"/>
      <c r="E73" s="59"/>
      <c r="F73" s="60"/>
      <c r="G73" s="59"/>
      <c r="H73" s="61"/>
      <c r="I73" s="62"/>
      <c r="J73" s="63"/>
      <c r="K73" s="173"/>
    </row>
    <row r="74" spans="1:11" ht="16.5" customHeight="1">
      <c r="A74" s="51"/>
      <c r="B74" s="52"/>
      <c r="C74" s="52"/>
      <c r="D74" s="52"/>
      <c r="E74" s="52"/>
      <c r="F74" s="53"/>
      <c r="G74" s="52"/>
      <c r="H74" s="54"/>
      <c r="I74" s="55"/>
      <c r="J74" s="56"/>
      <c r="K74" s="57"/>
    </row>
    <row r="75" spans="1:11" ht="16.5" customHeight="1">
      <c r="A75" s="58"/>
      <c r="B75" s="59" t="s">
        <v>12</v>
      </c>
      <c r="C75" s="59"/>
      <c r="D75" s="59"/>
      <c r="E75" s="59"/>
      <c r="F75" s="60"/>
      <c r="G75" s="59"/>
      <c r="H75" s="61"/>
      <c r="I75" s="62"/>
      <c r="J75" s="63"/>
      <c r="K75" s="173"/>
    </row>
    <row r="76" spans="1:11" ht="16.5" customHeight="1">
      <c r="A76" s="51"/>
      <c r="B76" s="52"/>
      <c r="C76" s="52"/>
      <c r="D76" s="52"/>
      <c r="E76" s="52"/>
      <c r="F76" s="53"/>
      <c r="G76" s="52"/>
      <c r="H76" s="54"/>
      <c r="I76" s="55"/>
      <c r="J76" s="56"/>
      <c r="K76" s="57"/>
    </row>
    <row r="77" spans="1:11" ht="16.5" customHeight="1">
      <c r="A77" s="58"/>
      <c r="B77" s="59"/>
      <c r="C77" s="59" t="s">
        <v>6</v>
      </c>
      <c r="D77" s="59"/>
      <c r="E77" s="65" t="s">
        <v>9</v>
      </c>
      <c r="F77" s="60">
        <v>1</v>
      </c>
      <c r="G77" s="59"/>
      <c r="H77" s="61"/>
      <c r="I77" s="180"/>
      <c r="J77" s="63"/>
      <c r="K77" s="173"/>
    </row>
    <row r="78" spans="1:11" ht="16.5" customHeight="1">
      <c r="A78" s="51"/>
      <c r="B78" s="52"/>
      <c r="C78" s="52"/>
      <c r="D78" s="52"/>
      <c r="E78" s="52"/>
      <c r="F78" s="53"/>
      <c r="G78" s="52"/>
      <c r="H78" s="54"/>
      <c r="I78" s="55"/>
      <c r="J78" s="56"/>
      <c r="K78" s="57"/>
    </row>
    <row r="79" spans="1:11" ht="16.5" customHeight="1">
      <c r="A79" s="58"/>
      <c r="B79" s="59" t="s">
        <v>55</v>
      </c>
      <c r="C79" s="59"/>
      <c r="D79" s="59"/>
      <c r="E79" s="59"/>
      <c r="F79" s="60"/>
      <c r="G79" s="59"/>
      <c r="H79" s="61"/>
      <c r="I79" s="62"/>
      <c r="J79" s="63"/>
      <c r="K79" s="173"/>
    </row>
    <row r="80" spans="1:11" ht="16.5" customHeight="1">
      <c r="A80" s="51"/>
      <c r="B80" s="52"/>
      <c r="C80" s="52"/>
      <c r="D80" s="52"/>
      <c r="E80" s="52"/>
      <c r="F80" s="53"/>
      <c r="G80" s="52"/>
      <c r="H80" s="54"/>
      <c r="I80" s="55"/>
      <c r="J80" s="56"/>
      <c r="K80" s="57"/>
    </row>
    <row r="81" spans="1:11" ht="16.5" customHeight="1">
      <c r="A81" s="58"/>
      <c r="B81" s="59"/>
      <c r="C81" s="59" t="s">
        <v>7</v>
      </c>
      <c r="D81" s="59"/>
      <c r="E81" s="65" t="s">
        <v>9</v>
      </c>
      <c r="F81" s="60">
        <v>1</v>
      </c>
      <c r="G81" s="59"/>
      <c r="H81" s="61"/>
      <c r="I81" s="180"/>
      <c r="J81" s="63"/>
      <c r="K81" s="173"/>
    </row>
    <row r="82" spans="1:11" ht="16.5" customHeight="1">
      <c r="A82" s="51"/>
      <c r="B82" s="52"/>
      <c r="C82" s="52"/>
      <c r="D82" s="52"/>
      <c r="E82" s="52"/>
      <c r="F82" s="53"/>
      <c r="G82" s="52"/>
      <c r="H82" s="54"/>
      <c r="I82" s="55"/>
      <c r="J82" s="56"/>
      <c r="K82" s="57"/>
    </row>
    <row r="83" spans="1:11" ht="16.5" customHeight="1">
      <c r="A83" s="58" t="s">
        <v>13</v>
      </c>
      <c r="B83" s="59"/>
      <c r="C83" s="59"/>
      <c r="D83" s="59"/>
      <c r="E83" s="59"/>
      <c r="F83" s="60"/>
      <c r="G83" s="59"/>
      <c r="H83" s="61"/>
      <c r="I83" s="62"/>
      <c r="J83" s="63"/>
      <c r="K83" s="173"/>
    </row>
    <row r="84" spans="1:11" ht="16.5" customHeight="1">
      <c r="A84" s="15"/>
      <c r="B84" s="16"/>
      <c r="C84" s="16"/>
      <c r="D84" s="16"/>
      <c r="E84" s="16"/>
      <c r="F84" s="17"/>
      <c r="G84" s="16"/>
      <c r="H84" s="18"/>
      <c r="I84" s="159"/>
      <c r="J84" s="162"/>
      <c r="K84" s="160"/>
    </row>
    <row r="85" spans="1:11" ht="16.5" customHeight="1">
      <c r="A85" s="22" t="s">
        <v>20</v>
      </c>
      <c r="B85" s="23"/>
      <c r="C85" s="23"/>
      <c r="D85" s="23"/>
      <c r="E85" s="29" t="s">
        <v>9</v>
      </c>
      <c r="F85" s="24">
        <v>1</v>
      </c>
      <c r="G85" s="23"/>
      <c r="H85" s="37"/>
      <c r="I85" s="152"/>
      <c r="J85" s="158"/>
      <c r="K85" s="153"/>
    </row>
    <row r="86" spans="1:11" ht="16.5" customHeight="1">
      <c r="A86" s="140"/>
      <c r="B86" s="141"/>
      <c r="C86" s="141"/>
      <c r="D86" s="141"/>
      <c r="E86" s="141"/>
      <c r="F86" s="142"/>
      <c r="G86" s="141"/>
      <c r="H86" s="161"/>
      <c r="I86" s="159"/>
      <c r="J86" s="162"/>
      <c r="K86" s="160"/>
    </row>
    <row r="87" spans="1:11" ht="16.5" customHeight="1">
      <c r="A87" s="143" t="s">
        <v>14</v>
      </c>
      <c r="B87" s="144"/>
      <c r="C87" s="144"/>
      <c r="D87" s="144"/>
      <c r="E87" s="144"/>
      <c r="F87" s="146"/>
      <c r="G87" s="144"/>
      <c r="H87" s="151"/>
      <c r="I87" s="152"/>
      <c r="J87" s="158"/>
      <c r="K87" s="182"/>
    </row>
    <row r="88" spans="1:11" ht="16.5" customHeight="1">
      <c r="A88" s="140"/>
      <c r="B88" s="141"/>
      <c r="C88" s="141"/>
      <c r="D88" s="141"/>
      <c r="E88" s="141"/>
      <c r="F88" s="142"/>
      <c r="G88" s="141"/>
      <c r="H88" s="161"/>
      <c r="I88" s="159"/>
      <c r="J88" s="162"/>
      <c r="K88" s="160"/>
    </row>
    <row r="89" spans="1:11" ht="16.5" customHeight="1">
      <c r="A89" s="143"/>
      <c r="B89" s="144"/>
      <c r="C89" s="144"/>
      <c r="D89" s="144"/>
      <c r="E89" s="144"/>
      <c r="F89" s="146"/>
      <c r="G89" s="144"/>
      <c r="H89" s="151"/>
      <c r="I89" s="66"/>
      <c r="J89" s="158"/>
      <c r="K89" s="153"/>
    </row>
    <row r="90" spans="1:11" ht="16.5" customHeight="1">
      <c r="A90" s="140"/>
      <c r="B90" s="141"/>
      <c r="C90" s="141"/>
      <c r="D90" s="141"/>
      <c r="E90" s="141"/>
      <c r="F90" s="142"/>
      <c r="G90" s="141"/>
      <c r="H90" s="161"/>
      <c r="I90" s="159"/>
      <c r="J90" s="162"/>
      <c r="K90" s="160"/>
    </row>
    <row r="91" spans="1:11" ht="16.5" customHeight="1">
      <c r="A91" s="143"/>
      <c r="B91" s="144"/>
      <c r="C91" s="144"/>
      <c r="D91" s="144"/>
      <c r="E91" s="145"/>
      <c r="F91" s="146"/>
      <c r="G91" s="144"/>
      <c r="H91" s="151"/>
      <c r="I91" s="152"/>
      <c r="J91" s="158"/>
      <c r="K91" s="153"/>
    </row>
    <row r="92" spans="1:11" ht="16.5" customHeight="1">
      <c r="A92" s="140"/>
      <c r="B92" s="141"/>
      <c r="C92" s="141"/>
      <c r="D92" s="141"/>
      <c r="E92" s="141"/>
      <c r="F92" s="142"/>
      <c r="G92" s="141"/>
      <c r="H92" s="161"/>
      <c r="I92" s="159"/>
      <c r="J92" s="162"/>
      <c r="K92" s="160"/>
    </row>
    <row r="93" spans="1:11" ht="16.5" customHeight="1">
      <c r="A93" s="154"/>
      <c r="B93" s="147"/>
      <c r="C93" s="147"/>
      <c r="D93" s="147"/>
      <c r="E93" s="147"/>
      <c r="F93" s="155"/>
      <c r="G93" s="147"/>
      <c r="H93" s="157"/>
      <c r="I93" s="148"/>
      <c r="J93" s="149"/>
      <c r="K93" s="156"/>
    </row>
    <row r="94" spans="1:11">
      <c r="A94" s="150"/>
      <c r="B94" s="150"/>
      <c r="C94" s="150"/>
      <c r="D94" s="150"/>
      <c r="E94" s="150"/>
      <c r="F94" s="150"/>
      <c r="G94" s="150"/>
      <c r="H94" s="150"/>
      <c r="I94" s="150"/>
    </row>
  </sheetData>
  <mergeCells count="1">
    <mergeCell ref="I3:K3"/>
  </mergeCells>
  <phoneticPr fontId="2"/>
  <printOptions horizontalCentered="1" verticalCentered="1"/>
  <pageMargins left="0.39370078740157483" right="0.39370078740157483" top="0.59055118110236227" bottom="0.59055118110236227" header="0.51181102362204722" footer="0.31496062992125984"/>
  <pageSetup paperSize="9" scale="94" fitToHeight="3" orientation="landscape" useFirstPageNumber="1" horizontalDpi="4294967292" r:id="rId1"/>
  <headerFooter alignWithMargins="0">
    <oddFooter>&amp;R（本工事費内訳書 PE － &amp;P&amp; 号）</oddFooter>
  </headerFooter>
  <rowBreaks count="2" manualBreakCount="2">
    <brk id="33" max="16383" man="1"/>
    <brk id="63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8</vt:i4>
      </vt:variant>
    </vt:vector>
  </HeadingPairs>
  <TitlesOfParts>
    <vt:vector size="12" baseType="lpstr">
      <vt:lpstr>全体内訳書</vt:lpstr>
      <vt:lpstr>建築</vt:lpstr>
      <vt:lpstr>機械</vt:lpstr>
      <vt:lpstr>電気</vt:lpstr>
      <vt:lpstr>機械!Print_Area</vt:lpstr>
      <vt:lpstr>建築!Print_Area</vt:lpstr>
      <vt:lpstr>全体内訳書!Print_Area</vt:lpstr>
      <vt:lpstr>電気!Print_Area</vt:lpstr>
      <vt:lpstr>機械!Print_Titles</vt:lpstr>
      <vt:lpstr>建築!Print_Titles</vt:lpstr>
      <vt:lpstr>全体内訳書!Print_Titles</vt:lpstr>
      <vt:lpstr>電気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02-06T02:16:58Z</cp:lastPrinted>
  <dcterms:created xsi:type="dcterms:W3CDTF">2014-06-10T00:20:59Z</dcterms:created>
  <dcterms:modified xsi:type="dcterms:W3CDTF">2020-02-09T23:42:33Z</dcterms:modified>
</cp:coreProperties>
</file>